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10. Zabez prania úst bielizne\2. Príprava\PTK_opakované_8.4.2025\PTK odoslané\"/>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3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0" i="8" l="1"/>
</calcChain>
</file>

<file path=xl/sharedStrings.xml><?xml version="1.0" encoding="utf-8"?>
<sst xmlns="http://schemas.openxmlformats.org/spreadsheetml/2006/main" count="189" uniqueCount="161">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t xml:space="preserve">spĺňa / nespĺňa </t>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2.</t>
  </si>
  <si>
    <t>3.</t>
  </si>
  <si>
    <t>4.</t>
  </si>
  <si>
    <t xml:space="preserve">Kalkulácia ceny - Štruktúrovaný rozpočet ceny predmetu zákazky </t>
  </si>
  <si>
    <t>5. ZMLUVNÉ PODMIENKY PREDMETU ZÁKAZKY</t>
  </si>
  <si>
    <t>Minimálne zmluvné podmienky predmetu zákazky:</t>
  </si>
  <si>
    <t>Položka číslo</t>
  </si>
  <si>
    <t>Položka č. 1</t>
  </si>
  <si>
    <t>Položka č. 2</t>
  </si>
  <si>
    <t>SPOLU</t>
  </si>
  <si>
    <t>Merná jednotka
(MJ)</t>
  </si>
  <si>
    <t>1.2</t>
  </si>
  <si>
    <t>1.3</t>
  </si>
  <si>
    <t>1.4</t>
  </si>
  <si>
    <t>1.5</t>
  </si>
  <si>
    <t>1.1</t>
  </si>
  <si>
    <t>Kardiostimulátor jednodutinový</t>
  </si>
  <si>
    <t>Kardiostimulátor dvojdutinový</t>
  </si>
  <si>
    <t xml:space="preserve">Položka č. 1 - Pranie pacientskej bielizne  </t>
  </si>
  <si>
    <t xml:space="preserve">Položka č. 2 - Pranie osobnej bielizne zamestnancov  </t>
  </si>
  <si>
    <t>požaduje sa poskytnutie služby prania pacientskej bielizne v rozsahu:</t>
  </si>
  <si>
    <t xml:space="preserve">pranie vrátane dezinfekcie, bielenia a chemického čistenia pacientskej bielizne, nemocničnej bielizne, operačnej bielizne a v prípade výskytu infekčného ochorenia rovnako aj infekčnej bielizne objednávateľa,  </t>
  </si>
  <si>
    <t>sušenie a žehlenie bielizne,</t>
  </si>
  <si>
    <t xml:space="preserve">drobné opravy bielizne a to najmä obšívanie, plátanie, zašitie, prišitie chýbajúceho gombíka a pod. vrátane dodávky na to potrebných materiálov, </t>
  </si>
  <si>
    <t xml:space="preserve">triedenie, skladanie a balenie bielizne (tak, aby sa zabránilo jej kontaminácii počas prepravy k objednávateľovi) osobitne: </t>
  </si>
  <si>
    <t>ďalšie súvisiace služby spojené s manipuláciou bielizne, najmä však:</t>
  </si>
  <si>
    <t>1.4.1</t>
  </si>
  <si>
    <t>1.4.2</t>
  </si>
  <si>
    <t>1.5.1</t>
  </si>
  <si>
    <t>1.5.2</t>
  </si>
  <si>
    <t>požaduje sa poskytnutie služby prania osobnej bielizne zamestnancov v rozsahu:</t>
  </si>
  <si>
    <t xml:space="preserve">pranie vrátane dezinfekcie, bielenia a chemického čistenia osobnej bielizne zamestnancov v prípade výskytu infekčného ochorenia rovnako aj infekčnej bielizne objednávateľa,  </t>
  </si>
  <si>
    <t xml:space="preserve">Pranie pacientskej bielizne  </t>
  </si>
  <si>
    <t xml:space="preserve">Pranie osobnej bielizne zamestnancov  </t>
  </si>
  <si>
    <t xml:space="preserve">Požadovaný počet MJ na obdobie 24 mesiacov
</t>
  </si>
  <si>
    <t>kg</t>
  </si>
  <si>
    <t xml:space="preserve">Áno </t>
  </si>
  <si>
    <t>služba</t>
  </si>
  <si>
    <t>3.1.b)  Zoznam položiek:</t>
  </si>
  <si>
    <t>3.1</t>
  </si>
  <si>
    <t xml:space="preserve">podľa § 34 ods. 1 a) zákona o verejnom obstarávaní Zoznam poskytnutých služieb za predchádzajúce tri roky od vyhlásenia verejného obstarávania s uvedením cien, lehôt dodania a odberateľov, dokladom je referencia, ak odberateľom bol verejný obstarávateľ alebo obstarávateľ podľa zákona o verejnom obstarávaní, </t>
  </si>
  <si>
    <t>3.2</t>
  </si>
  <si>
    <t>podľa § 34 ods. 1 j) zákona o verejnom obstarávaní Údajmi o strojovo, prevádzkovom alebo technickom vybavení, ktoré má uchádzač k dispozícii na uskutočnenie stavebných prác alebo poskytnutie služby:</t>
  </si>
  <si>
    <t>3.2.1</t>
  </si>
  <si>
    <r>
      <t xml:space="preserve">uchádzač predloží "Vyhlásenie štatutárneho orgánu uchádzača", že má k dispozícii na poskytovanie požadovaných služieb: 
</t>
    </r>
    <r>
      <rPr>
        <u/>
        <sz val="10"/>
        <rFont val="Arial"/>
        <family val="2"/>
        <charset val="238"/>
      </rPr>
      <t>zariadenie na pranie bielizne</t>
    </r>
    <r>
      <rPr>
        <b/>
        <sz val="10"/>
        <rFont val="Arial"/>
        <family val="2"/>
        <charset val="238"/>
      </rPr>
      <t>,</t>
    </r>
    <r>
      <rPr>
        <sz val="10"/>
        <rFont val="Arial"/>
        <family val="2"/>
        <charset val="238"/>
      </rPr>
      <t xml:space="preserve"> s kapacitou minimálne 400 kg denne, v ktorom uvedie typ alebo obchodnú značku, počet, kapacitu, resp. výkon zariadenia, ktorým bude zabezpečovať pranie bielizne termodezinfekciou alebo chemotermodezinfekciou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3.2.2</t>
  </si>
  <si>
    <r>
      <t xml:space="preserve">uchádzač predloží "Vyhlásenie štatutárneho orgánu uchádzača", že má k dispozícii na poskytovanie požadovaných služieb: 
</t>
    </r>
    <r>
      <rPr>
        <u/>
        <sz val="10"/>
        <rFont val="Arial"/>
        <family val="2"/>
        <charset val="238"/>
      </rPr>
      <t>zariadenie na žehlenie bielizne,</t>
    </r>
    <r>
      <rPr>
        <sz val="10"/>
        <rFont val="Arial"/>
        <family val="2"/>
        <charset val="238"/>
      </rPr>
      <t xml:space="preserve"> v ktorom uvedie typ alebo obchodnú značku, počet zariadení, ktorými bude zabezpečovať žehlenie bielizne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3.2.3</t>
  </si>
  <si>
    <r>
      <t xml:space="preserve">uchádzač predloží "Vyhlásenie štatutárneho orgánu uchádzača", že má k dispozícii na poskytovanie požadovaných služieb: 
</t>
    </r>
    <r>
      <rPr>
        <u/>
        <sz val="10"/>
        <rFont val="Arial"/>
        <family val="2"/>
        <charset val="238"/>
      </rPr>
      <t>zariadenie na prepravu čistej a použitej bielizne</t>
    </r>
    <r>
      <rPr>
        <b/>
        <sz val="10"/>
        <rFont val="Arial"/>
        <family val="2"/>
        <charset val="238"/>
      </rPr>
      <t xml:space="preserve"> </t>
    </r>
    <r>
      <rPr>
        <sz val="10"/>
        <rFont val="Arial"/>
        <family val="2"/>
        <charset val="238"/>
      </rPr>
      <t>s kapacitou min. 400 kg, v ktorom uvedie typ alebo obchodnú značku, počet zariadení, veľkosť úložného priestoru prepravného vozidla alebo kontajnera a ktorým bude prepravu zabezpečovať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uvedie informácie, či akceptuje resp. neakceptuje verejným obstarávateľom definované podmienky účasti  
</t>
    </r>
    <r>
      <rPr>
        <sz val="10"/>
        <color theme="1"/>
        <rFont val="Arial"/>
        <family val="2"/>
        <charset val="238"/>
      </rPr>
      <t>(v prípade neakceptovania príslušnej podmienky účasti uvedie dôvod a ním navrhovanú úpravu)</t>
    </r>
  </si>
  <si>
    <t xml:space="preserve">Požadované minimálne ostatné požiadavky na predmet zákazky a doklady (tieto doklady budú požadované vo vyhlásenom verejnom obstarávaní): 
</t>
  </si>
  <si>
    <r>
      <t xml:space="preserve">Uchádzač uvedie informácie, či akceptuje resp. neakceptuje verejným obstarávateľom definované minimálne ostatné požiadavky na predmet zákazky a doklady 
</t>
    </r>
    <r>
      <rPr>
        <sz val="10"/>
        <color theme="1"/>
        <rFont val="Arial"/>
        <family val="2"/>
        <charset val="238"/>
      </rPr>
      <t>(v prípade neakceptovania príslušnej požiadavky uvedie dôvod a ním navrhovanú úpravu)</t>
    </r>
  </si>
  <si>
    <t>Požaduje sa, aby uchádzač bol schopný realizovať poskytnutie predmetu zákazky v súlade s platnou legislatívou SR alebo ekvivalentnými predpismi platnými v Európskej únii. Uchádzač splnenie tejto požiadavky preukáže predložením originálu alebo overenej fotokópie platného dokladu o povolení na uvedenie priestorov do prevádzky a o schválení prevádzkového poriadku príslušného Regionálneho úradu verejného zdravotníctva alebo iného ekvivalentného dokladu.</t>
  </si>
  <si>
    <t xml:space="preserve">Prílohy k PTK </t>
  </si>
  <si>
    <t>5.</t>
  </si>
  <si>
    <t>6.</t>
  </si>
  <si>
    <t>7.</t>
  </si>
  <si>
    <t>8.</t>
  </si>
  <si>
    <t>9.</t>
  </si>
  <si>
    <t xml:space="preserve">6. Podmienky účasti vo verejnom obstarávní </t>
  </si>
  <si>
    <t xml:space="preserve">98310000-9 Pranie a chemické čistenie
98311000-6 Zber bielizne
98315000-4 Žehlenie   
60000000-8 Dopravné služby (bez prepravy odpadu)
</t>
  </si>
  <si>
    <t xml:space="preserve">Názov položky predmetu zákazky </t>
  </si>
  <si>
    <t>podľa jednotlivých pracovísk objednávateľa uvedených v bode 1 Prílohy k PTK a zároveň</t>
  </si>
  <si>
    <t>podľa položiek sortimentu bielizne uvedeného v bode 4 Prílohy k PTK a zároveň</t>
  </si>
  <si>
    <t>zber z jednotlivých zberných miest objednávateľa uvedených v bode 2 Prílohy k PTK, naloženie a odvoz znečistenej bielizne k poskytovateľovi a</t>
  </si>
  <si>
    <t>dovoz a doručenie vypranej, vysušenej, vyžehlenej, opravenej a zabalenej bielizne na určené miesto u objednávateľa uvedené v bode 3 Prílohy k PTK.</t>
  </si>
  <si>
    <t>Zabezpečenie prania ústavnej bielizne</t>
  </si>
  <si>
    <t xml:space="preserve">Zabezpečenie prania ústavnej bielizne.  </t>
  </si>
  <si>
    <t>Požaduje sa uzatvorenie rámcovej dohody  na dvadsaťštyri (24) kalendárnych mesiacov od uzavretia rámcovej dohody,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aby poskytovateľ vykonával služby podľa požiadaviek objednávateľa, v kvalite obvyklej pre tento druh služby, hospodárne, odborne a starostlivo, v súlade s hygienicko-epidemiologickým režimom a platnými všeobecne záväznými predpismi týkajúcimi sa manipulácie s bielizňou a prania bielizne v zariadeniach poskytujúcich zdravotnú starostlivosť, najmä zákonom č. 337/2007 Z.z. o ochrane, podpore a rozvoji verejného zdravia a o zmene a doplnení niektorých zákonov, zákonom č.124/2006 Z.z. o bezpečnosti a ochrane zdravia pri práci a o zmene a doplnení niektorých zákonov v znení neskorších predpisov, vyhláškou č.553/2007 Z.z., ktorou sa ustanovujú podrobnosti o požiadavkách na prevádzku zdravotníckych zariadení z hľadiska ochrany zdravia v znení neskorších predpisov.</t>
  </si>
  <si>
    <t xml:space="preserve">Požaduje sa aby poskytovateľ prevzal bielizeň k výkonu dohodnutých služieb denne v pracovných dňoch, t.j. pondelok až piatok. Termín dodania služby poskytovateľom (t.j. dodať vypranú, vyčistenú vyžehlenú, opravenú a zabalenú bielizeň) je stanovený najneskôr do dvoch pracovných dní od prevzatia bielizne poskytovateľom. V prípade sviatkov a dní pracovného voľna, ktoré presiahnu viac ako dva kalendáre dni, sa poskytovateľ zaväzuje poskytovať služby už v nasledujúci kalendárny deň, a to i v prípade, že tento bude sviatkom alebo dňom pracovného voľna, pokiaľ nebude v objednávke uvedené inak. </t>
  </si>
  <si>
    <t>Poskytovateľ je povinný poskytovať objednávateľovi služby bez vád. Objednávateľ na preberacom protokole potvrdí iba poskytovateľom skutočne dodaný rozsah služby, t.j. skutočne dodaný počet kusov bielizne. Zároveň si objednávateľ vyhradzuje právo potvrdiť a prevziať iba taký rozsah služby, ktorý je bez zjavných vád či nedostatkov, t.j. taký počet odovzdanej bielizne, ktorý nevykazuje žiadnu zjavnú vadu.</t>
  </si>
  <si>
    <t>5.1</t>
  </si>
  <si>
    <t xml:space="preserve">Ak objednávateľ pri prevzatí bielizne zistí, že poskytovateľ poskytol službu vadne, t.j. bielizeň má zjavné vady, je oprávnený v rozsahu vadného plnenia službu odmietnuť a v tomto rozsahu službu od poskytovateľa neprevziať. Poskytovateľ je povinný vykonať bezodkladne bezplatnú nápravu, dodať objednávateľovi neprevzatú bielizeň bez vád, osobitne triedenú, skladanú a zabalenú (tak, aby sa zabránilo jej kontaminácii počas prepravy k objednávateľovi) podľa jednotlivých pracovísk objednávateľa s príslušnou kópiou Protokolu, ktorého sa príslušná dodatočná dodávka týka.  </t>
  </si>
  <si>
    <t>5.2</t>
  </si>
  <si>
    <t>V prípade opodstatnenej reklamácie sa požaduje aby poskytovateľ vybavil reklamáciu bezplatne v lehote najneskôr do dvoch (2) pracovných dní od jej potvrdenia a dodal objednávateľovi bielizeň bez vád, osobitne triedenú, skladanú a zabalenú bielizeň (tak, aby sa zabránilo jej kontaminácii počas prepravy k objednávateľovi) podľa jednotlivých pracovísk objednávateľa, a zároveň podľa položiek sortimentu bielizne s priloženou fotokópiou Protokolu, ktorého sa príslušná dodávka týka.</t>
  </si>
  <si>
    <t xml:space="preserve">Poskytovateľ berie na vedomie, že počas trvania rámcovej dohody, môže objednávateľ v závislosti od jeho prevádzkových potrieb zmeniť (t.j. rozšíriť alebo aj zúžiť) sortiment bielizne. </t>
  </si>
  <si>
    <t>Cena za poskytnuté služby v jednotlivých kalendárnych mesiacoch bude stanovená faktúrou podľa skutočne vykonanej služby poskytovateľom za príslušný kalendárny mesiac.</t>
  </si>
  <si>
    <t>7.1</t>
  </si>
  <si>
    <t>Požaduje sa v zmysle § 340b ods. 5 zákona č. 513/1991 Z.z. Obchodného zákonníka v znení neskorších predpisov splatnosť faktúry v lehote šesťdesiat (60) kalendárnych dní odo dňa jej doručenia objednávateľovi.</t>
  </si>
  <si>
    <t>7.2</t>
  </si>
  <si>
    <t>Poskytovateľ je povinný vystaviť faktúru za poskytnuté služby v súlade s ustanovením §73 zákona č. 222/2004 Z. z. o dani z pridanej hodnoty v znení neskorších predpisov (ďalej len „zákon o DPH“).</t>
  </si>
  <si>
    <t>7.3</t>
  </si>
  <si>
    <t>Požaduje sa akceptovať, že platba za plnenie sa realizuje výlučne bezhotovostným platobným stykom na základe faktúry doručenej poskytovateľom, a to vždy za riadne a včas poskytnuté plnenie. Poskytovateľ je povinný zaslať faktúru elektronicky na e-mailovú adresu: podatelna@vusch.sk . Za deň splnenia peňažného záväzku sa považuje deň odpísania dlžnej sumy z účtu objednávateľa v prospech účtu poskytovateľa.</t>
  </si>
  <si>
    <t>7.4</t>
  </si>
  <si>
    <t>Požaduje sa, aby výsledná cena predmetu zákazky ponúknutá víťazným uchádzačom bola v súlade s aktuálne (t.j. v čase lehoty na predkladanie ponúk) obvyklou trhovou cenou predmetu zákazky.</t>
  </si>
  <si>
    <t>7.5</t>
  </si>
  <si>
    <t xml:space="preserve">V prípade, ak sa víťazným uchádzačom po elektronickej aukcii stane uchádzač, ktorý je alebo bol dodávateľom predmetu zákazky pre verejného obstarávateľa a ak jeho konečná jednotková cena za MJ s DPH je vyššia ako bola jeho jednotková cena za MJ s DPH, za ktorú ho verejný obstarávateľ  nakupoval od uchádzača pred vyhlásením predmetnej súťaže, tak:. </t>
  </si>
  <si>
    <t>7.5.1</t>
  </si>
  <si>
    <t xml:space="preserve">- verejný obstarávateľ požiada víťazného uchádzača po ukončení elektronickej aukcie o doručenie písomného zdôvodnenia navýšenia konečnej jednotkovej ceny za MJ s DPH príslušnej položky predmetu zákazky oproti aktuálnemu alebo predchádzajúcemu zmluvnému vzťahu. </t>
  </si>
  <si>
    <t>7.5.2</t>
  </si>
  <si>
    <t xml:space="preserve">- na základe vysvetlenia uchádzača prehodnotí verejný obstarávateľ oprávnenosť navýšenia konečnej jednotkovej ceny za MJ s DPH príslušnej položky predmetu zákazky: </t>
  </si>
  <si>
    <t>7.5.3</t>
  </si>
  <si>
    <t xml:space="preserve"> v prípade uznania oprávnenosti navýšenia konečnej jednotkovej ceny za MJ s DPH položky predmetu zákazky uzavrie verejný obstarávateľ s víťazným uchádzačom zmluvný vzťah,</t>
  </si>
  <si>
    <t>7.5.4</t>
  </si>
  <si>
    <t>v prípade neuznania oprávnenosti navýšenia konečnej jednotkovej ceny s DPH položky predmetu zákazky bude verejný obstarávateľ považovať ponuku uchádzača za ponuku obsahujúcu zjavne nevýhodné podmienky pre verejného obstarávateľa, čím dôjde k naplneniu dôvodov hodných osobitného  zreteľa, pre ktoré verejný obstarávateľ neuzavrie s víťazným uchádzačom zmluvný vzťah a zruší použitý postup zadávania zákazky v súlade s § 57 ods. 2 zákona o verejnom obstarávaní.</t>
  </si>
  <si>
    <t>V prípade, ak sa po uzatvorení rámcovej dohody preukáže, že na relevantnom trhu existuje cena (ďalej tiež ako "nižšia cena") za rovnaké alebo porovnateľné plnenie ako je obsiahnuté v rámcovej dohode a dodávateľ už preukázateľne v minulosti za takúto nižšiu cenu plnenie poskytol, resp. ešte stále poskytuje, pričom rozdiel medzi nižšou cenou a cenou podľa rámcovej dohody je viac ako 5% v neprospech ceny podľa rámcovej dohody, zaväzuje sa dodávateľ poskytnúť objednávateľovi pre takéto plnenie objednané po preukázaní tejto skutočnosti dodatočnú zľavu vo výške rozdielu medzi ním poskytovanou cenou podľa rámcovej dohody a nižšou cenou.
Dodávateľ je povinný bezodkladne, najneskôr však do piatich (5) pracovných dní od zistenia skutočnosti, resp. od oznámenia zistenej skutočnosti uvedenej v predchádzajúcej vete, doručiť objednávateľovi dodatok, predmetom ktorého bude upravená cena zistená podľa rámcovej dohody.</t>
  </si>
  <si>
    <t>Zmluvné strany sa dohodli, že pohľadávky, ktoré vzniknú poskytovateľovi z tohto zmluvného vzťahu, poskyto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0.</t>
  </si>
  <si>
    <t>Požaduje sa aby v prípade krátkodobého (t.j. nie viac ako tridsať (30) po sebe nasledujúcich kalendárnych dní) výpadku   poskytovateľ garantoval dodávku služieb podľa požiadaviek objednávateľa za nezmenených podmienok (napr. z dôvodu vážnej prevádzkovej poruchy, živelnej udalosti a pod.) formou zabezpečenia náhradného plnenia u svojho obchodného partnera   (t.j. najmä rovnaká cena služby, dodacie podmienky služby, atď.) Za rozsah a kvalitu dodávky služieb v takomto prípade zodpovedá objednávateľovi priamo poskytovateľ akoby služby vykonával sám.</t>
  </si>
  <si>
    <t>11.</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rámcovej dohody. Na požiadanie zmluvnej strany, ktorej boli avizované okolnosti vyššej moci,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t>12.</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t>
  </si>
  <si>
    <t>13.</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14.</t>
  </si>
  <si>
    <t>Požaduje sa akceptovať záväzok poskyto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poskytovateľ Etický kódex porušuje, je objednávateľ od rámcovej dohody odstúpiť.</t>
  </si>
  <si>
    <t>15.</t>
  </si>
  <si>
    <t xml:space="preserve">Požaduje sa, aby poskytovateľ počas celej doby platnosti rámcovej dohody spĺňal zákonné požiadavky na status registrovaného integračného sociálneho podniku, chránenej dielne, fyzickej osoby so zdravotným postihnutím, ktorá prevádzkuje alebo vykonáva samostatnú zárobkovú činnosť a aspoň 30% zamestnancov tvoria osoby so zdravotným postihnutím alebo inak znevýhodnené osoby podľa § 36a ods. 1 zákona o verejnom obstarávaní. V prípade, ak objednávateľ zistí, že poskytovateľ nespĺňa podmienku podľa prvej vety, vyhradzuje si objednávateľ právo od rámcovej dohody odstúpiť. </t>
  </si>
  <si>
    <r>
      <t xml:space="preserve">Požaduje sa </t>
    </r>
    <r>
      <rPr>
        <u/>
        <sz val="10"/>
        <rFont val="Arial"/>
        <family val="2"/>
        <charset val="238"/>
      </rPr>
      <t>osobné postavenie podľa § 32</t>
    </r>
    <r>
      <rPr>
        <sz val="10"/>
        <rFont val="Arial"/>
        <family val="2"/>
        <charset val="238"/>
      </rPr>
      <t xml:space="preserve"> zákona o verejnom obstarávaní. </t>
    </r>
  </si>
  <si>
    <r>
      <t xml:space="preserve">Požaduje sa </t>
    </r>
    <r>
      <rPr>
        <u/>
        <sz val="10"/>
        <rFont val="Arial"/>
        <family val="2"/>
        <charset val="238"/>
      </rPr>
      <t xml:space="preserve">finančné a ekonomické postavenie podľa § 33 ods. 1 písm. a) </t>
    </r>
    <r>
      <rPr>
        <sz val="10"/>
        <rFont val="Arial"/>
        <family val="2"/>
        <charset val="238"/>
      </rPr>
      <t>zákona o verejnom obstarávaní.</t>
    </r>
  </si>
  <si>
    <r>
      <t xml:space="preserve">Požaduje sa </t>
    </r>
    <r>
      <rPr>
        <u/>
        <sz val="10"/>
        <rFont val="Arial"/>
        <family val="2"/>
        <charset val="238"/>
      </rPr>
      <t>technická a odborná spôsobilosť podľa § 34</t>
    </r>
    <r>
      <rPr>
        <sz val="10"/>
        <rFont val="Arial"/>
        <family val="2"/>
        <charset val="238"/>
      </rPr>
      <t xml:space="preserve"> zákona o verejnom obstarávaní:</t>
    </r>
  </si>
  <si>
    <t>2</t>
  </si>
  <si>
    <r>
      <rPr>
        <b/>
        <u/>
        <sz val="10"/>
        <rFont val="Arial"/>
        <family val="2"/>
        <charset val="238"/>
      </rPr>
      <t>Verejný obstarávateľ podľa § 36a zákona o verejnom obstarávan</t>
    </r>
    <r>
      <rPr>
        <b/>
        <sz val="10"/>
        <rFont val="Arial"/>
        <family val="2"/>
        <charset val="238"/>
      </rPr>
      <t>í vyhradzuje právo účasti vo verejnom obstarávaní len pre registrované integračné sociálne podniky, chránené dielne,  fyzické osoby so zdravotným postihnutím, ktoré prevádzkujú alebo vykonávajú samostatnú zárobkovú činnosť na chránenom pracovisku, alebo zákazky v rámci programov chránených pracovných miest za predpokladu, že aspoň 30 % zamestnancov registrovaných integračných sociálnych podnikov, zamestnancov vykonávajúcich prácu v chránených dielňach alebo zamestnancov programov chránených pracovných miest tvoria osoby so zdravotným postihnutím alebo inak znevýhodnené osoby.</t>
    </r>
  </si>
  <si>
    <t>Uchádzač uvedie informáciu, či akceptuje resp. neakceptuje verejným obstarávateľom definované zmluvné požiadavky na predmet zákazky
(v prípade neakceptovania príslušnej požiadavky uvedie dôvod a ním navrhovanú úpravu)</t>
  </si>
  <si>
    <t xml:space="preserve">Doklady a dokumeny na preukázanie splnenia požiadaviek na predmdet zákazky podľa § 36a zákona o verejnom obstarávaní. </t>
  </si>
  <si>
    <t>Týmto prehlasujem, že v PTK nami uvedené služby v plnom rozsahu spĺňajú funkčnú špecifikáciu (t.j. účel použitia) predmetu zákazky. Zároveň prehlasujem, že v prípade, ak verejný obstarávateľ vyhlási zákazku na uvedený predmet zákazky v súlade s nami ponúkanými hodnotami uvedených služieb nie sú nám známe žiadne okolnosti, ktoré by nám bránili v účasti v predmetnej zákazky.</t>
  </si>
  <si>
    <t xml:space="preserve">Podmienky účasti požadované vo vyhlásenom verejnom obstarávaní: 
</t>
  </si>
  <si>
    <r>
      <t xml:space="preserve">Uchádzač uvedie informácie, či ním ponúkaná služba spĺňa, resp. nespĺňa verejným obstarávateľom definované požiadavky na predmet zákazky 
</t>
    </r>
    <r>
      <rPr>
        <sz val="10"/>
        <color theme="1"/>
        <rFont val="Arial"/>
        <family val="2"/>
        <charset val="238"/>
      </rPr>
      <t>(v prípade, ak ponúkaná služba nespĺňa definované požiadavky uvedie ekvivalentnú hodnotu ním ponúkanej služby)</t>
    </r>
  </si>
  <si>
    <t>hodnota ponúkanej ekvivalentnej služb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name val="Arial"/>
      <family val="2"/>
      <charset val="238"/>
    </font>
    <font>
      <u/>
      <sz val="10"/>
      <color theme="1"/>
      <name val="Arial"/>
      <family val="2"/>
      <charset val="238"/>
    </font>
    <font>
      <u/>
      <sz val="9"/>
      <color theme="1"/>
      <name val="Arial"/>
      <family val="2"/>
      <charset val="238"/>
    </font>
    <font>
      <b/>
      <u/>
      <sz val="10"/>
      <name val="Arial"/>
      <family val="2"/>
      <charset val="238"/>
    </font>
    <font>
      <b/>
      <sz val="11"/>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9">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dotted">
        <color auto="1"/>
      </top>
      <bottom style="dotted">
        <color auto="1"/>
      </bottom>
      <diagonal/>
    </border>
    <border>
      <left style="thin">
        <color auto="1"/>
      </left>
      <right style="thin">
        <color auto="1"/>
      </right>
      <top style="dotted">
        <color auto="1"/>
      </top>
      <bottom style="medium">
        <color auto="1"/>
      </bottom>
      <diagonal/>
    </border>
    <border>
      <left style="medium">
        <color indexed="64"/>
      </left>
      <right style="thin">
        <color auto="1"/>
      </right>
      <top/>
      <bottom style="medium">
        <color indexed="64"/>
      </bottom>
      <diagonal/>
    </border>
    <border>
      <left style="thin">
        <color auto="1"/>
      </left>
      <right style="thin">
        <color auto="1"/>
      </right>
      <top/>
      <bottom style="medium">
        <color indexed="64"/>
      </bottom>
      <diagonal/>
    </border>
    <border>
      <left style="dotted">
        <color auto="1"/>
      </left>
      <right style="medium">
        <color indexed="64"/>
      </right>
      <top/>
      <bottom style="medium">
        <color indexed="64"/>
      </bottom>
      <diagonal/>
    </border>
    <border>
      <left style="medium">
        <color auto="1"/>
      </left>
      <right style="thin">
        <color auto="1"/>
      </right>
      <top style="dotted">
        <color indexed="64"/>
      </top>
      <bottom/>
      <diagonal/>
    </border>
    <border>
      <left style="thin">
        <color auto="1"/>
      </left>
      <right/>
      <top style="dotted">
        <color indexed="64"/>
      </top>
      <bottom style="dotted">
        <color indexed="64"/>
      </bottom>
      <diagonal/>
    </border>
    <border>
      <left style="thin">
        <color auto="1"/>
      </left>
      <right style="thin">
        <color auto="1"/>
      </right>
      <top style="dotted">
        <color indexed="64"/>
      </top>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auto="1"/>
      </left>
      <right/>
      <top style="thin">
        <color auto="1"/>
      </top>
      <bottom style="medium">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dotted">
        <color auto="1"/>
      </right>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1" xfId="0" applyNumberFormat="1" applyFont="1" applyBorder="1" applyAlignment="1">
      <alignment horizontal="center" vertical="center" wrapText="1"/>
    </xf>
    <xf numFmtId="0" fontId="10" fillId="2" borderId="8" xfId="0" applyNumberFormat="1" applyFont="1" applyFill="1" applyBorder="1" applyAlignment="1">
      <alignment horizontal="left" vertical="center" wrapText="1"/>
    </xf>
    <xf numFmtId="0" fontId="6" fillId="2" borderId="8"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14" xfId="0" applyNumberFormat="1" applyFont="1" applyFill="1" applyBorder="1" applyAlignment="1">
      <alignment horizontal="left" vertical="center" wrapText="1"/>
    </xf>
    <xf numFmtId="0" fontId="2" fillId="0" borderId="8" xfId="0" applyNumberFormat="1" applyFont="1" applyBorder="1" applyAlignment="1">
      <alignment horizontal="center" vertical="center" wrapText="1"/>
    </xf>
    <xf numFmtId="49" fontId="2" fillId="0" borderId="13" xfId="0" applyNumberFormat="1" applyFont="1" applyBorder="1" applyAlignment="1">
      <alignment horizontal="center" vertical="center"/>
    </xf>
    <xf numFmtId="0" fontId="6" fillId="0" borderId="19"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20"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6" borderId="0" xfId="0" applyFont="1" applyFill="1" applyBorder="1" applyAlignment="1">
      <alignment horizontal="center" vertical="center" wrapText="1"/>
    </xf>
    <xf numFmtId="0" fontId="2" fillId="0" borderId="0" xfId="0" applyFont="1" applyBorder="1" applyAlignment="1">
      <alignment vertical="center" wrapText="1"/>
    </xf>
    <xf numFmtId="49" fontId="2" fillId="0" borderId="30" xfId="0" applyNumberFormat="1" applyFont="1" applyFill="1" applyBorder="1" applyAlignment="1">
      <alignment horizontal="righ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0" fontId="6" fillId="0" borderId="31" xfId="0" applyNumberFormat="1" applyFont="1" applyBorder="1" applyAlignment="1">
      <alignment horizontal="center" vertical="center" wrapText="1"/>
    </xf>
    <xf numFmtId="0" fontId="2" fillId="0" borderId="32" xfId="0" applyFont="1" applyFill="1" applyBorder="1" applyAlignment="1">
      <alignment horizontal="center" vertical="center" wrapText="1"/>
    </xf>
    <xf numFmtId="0" fontId="2" fillId="0" borderId="15"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16"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0" xfId="0" applyFont="1" applyAlignment="1">
      <alignment horizontal="center" vertical="center" wrapText="1"/>
    </xf>
    <xf numFmtId="49" fontId="2" fillId="0" borderId="25" xfId="0" applyNumberFormat="1" applyFont="1" applyBorder="1" applyAlignment="1">
      <alignment horizontal="left" vertical="center" wrapText="1"/>
    </xf>
    <xf numFmtId="49" fontId="2" fillId="0" borderId="6" xfId="0" applyNumberFormat="1" applyFont="1" applyBorder="1" applyAlignment="1">
      <alignment horizontal="left" vertical="center" wrapText="1"/>
    </xf>
    <xf numFmtId="0" fontId="2" fillId="0" borderId="8" xfId="0" applyNumberFormat="1" applyFont="1" applyBorder="1" applyAlignment="1">
      <alignment horizontal="left" vertical="center" wrapText="1"/>
    </xf>
    <xf numFmtId="49" fontId="2" fillId="0" borderId="38" xfId="0" applyNumberFormat="1"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2" borderId="39" xfId="0" applyNumberFormat="1" applyFont="1" applyFill="1" applyBorder="1" applyAlignment="1">
      <alignment horizontal="center" vertical="center" wrapText="1"/>
    </xf>
    <xf numFmtId="0" fontId="2" fillId="0" borderId="40"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3" fillId="0" borderId="24"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0" borderId="13" xfId="0" applyNumberFormat="1" applyFont="1" applyBorder="1" applyAlignment="1">
      <alignment horizontal="left" vertical="center"/>
    </xf>
    <xf numFmtId="49" fontId="2" fillId="2" borderId="42" xfId="0" applyNumberFormat="1" applyFont="1" applyFill="1" applyBorder="1" applyAlignment="1">
      <alignment horizontal="center" vertical="center" wrapText="1"/>
    </xf>
    <xf numFmtId="49" fontId="2" fillId="2" borderId="43"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0" fontId="2" fillId="0" borderId="0" xfId="0" applyFont="1" applyAlignment="1">
      <alignment horizontal="center" vertical="center" wrapText="1"/>
    </xf>
    <xf numFmtId="49" fontId="2" fillId="0" borderId="28" xfId="0" applyNumberFormat="1" applyFont="1" applyFill="1" applyBorder="1" applyAlignment="1">
      <alignment horizontal="center" vertical="center" wrapText="1"/>
    </xf>
    <xf numFmtId="0" fontId="2" fillId="0" borderId="8" xfId="0" applyFont="1" applyBorder="1" applyAlignment="1">
      <alignment horizontal="center" vertical="center" wrapText="1"/>
    </xf>
    <xf numFmtId="0" fontId="2" fillId="6" borderId="8" xfId="0" applyFont="1" applyFill="1" applyBorder="1" applyAlignment="1">
      <alignment horizontal="center" vertical="center" wrapText="1"/>
    </xf>
    <xf numFmtId="3" fontId="3" fillId="0" borderId="0" xfId="0" applyNumberFormat="1" applyFont="1" applyBorder="1" applyAlignment="1">
      <alignment horizontal="center" vertical="center" wrapText="1"/>
    </xf>
    <xf numFmtId="49" fontId="2" fillId="0" borderId="13" xfId="0" applyNumberFormat="1" applyFont="1" applyBorder="1" applyAlignment="1">
      <alignment horizontal="right" vertical="center"/>
    </xf>
    <xf numFmtId="49" fontId="2" fillId="0" borderId="6" xfId="0" applyNumberFormat="1" applyFont="1" applyBorder="1" applyAlignment="1">
      <alignment horizontal="right" vertical="center"/>
    </xf>
    <xf numFmtId="0" fontId="4" fillId="0" borderId="8" xfId="2" applyFont="1" applyBorder="1" applyAlignment="1">
      <alignment horizontal="left" vertical="center" wrapText="1"/>
    </xf>
    <xf numFmtId="49" fontId="4" fillId="0" borderId="8" xfId="0" applyNumberFormat="1" applyFont="1" applyBorder="1" applyAlignment="1">
      <alignment horizontal="left" vertical="top" wrapText="1"/>
    </xf>
    <xf numFmtId="49" fontId="4" fillId="0" borderId="44" xfId="0" applyNumberFormat="1" applyFont="1" applyBorder="1" applyAlignment="1">
      <alignment horizontal="left" vertical="top" wrapText="1"/>
    </xf>
    <xf numFmtId="49" fontId="4" fillId="0" borderId="12" xfId="0" applyNumberFormat="1" applyFont="1" applyBorder="1" applyAlignment="1">
      <alignment horizontal="left" vertical="top" wrapText="1"/>
    </xf>
    <xf numFmtId="49" fontId="4" fillId="0" borderId="17" xfId="0" applyNumberFormat="1" applyFont="1" applyBorder="1" applyAlignment="1">
      <alignment horizontal="left" vertical="top" wrapText="1"/>
    </xf>
    <xf numFmtId="49" fontId="2" fillId="0" borderId="28" xfId="0" applyNumberFormat="1" applyFont="1" applyFill="1" applyBorder="1" applyAlignment="1">
      <alignment horizontal="right" vertical="center" wrapText="1"/>
    </xf>
    <xf numFmtId="49" fontId="2" fillId="0" borderId="21" xfId="0" applyNumberFormat="1" applyFont="1" applyFill="1" applyBorder="1" applyAlignment="1">
      <alignment horizontal="left" vertical="center" wrapText="1"/>
    </xf>
    <xf numFmtId="49" fontId="2" fillId="0" borderId="29" xfId="0" applyNumberFormat="1" applyFont="1" applyFill="1" applyBorder="1" applyAlignment="1">
      <alignment horizontal="left" vertical="center" wrapText="1"/>
    </xf>
    <xf numFmtId="49" fontId="2" fillId="0" borderId="30" xfId="0" applyNumberFormat="1" applyFont="1" applyFill="1" applyBorder="1" applyAlignment="1">
      <alignment horizontal="center" vertical="center" wrapText="1"/>
    </xf>
    <xf numFmtId="49" fontId="2" fillId="0" borderId="46" xfId="0" applyNumberFormat="1" applyFont="1" applyFill="1" applyBorder="1" applyAlignment="1">
      <alignment horizontal="right" vertical="center" wrapText="1"/>
    </xf>
    <xf numFmtId="49" fontId="4" fillId="0" borderId="45" xfId="0" applyNumberFormat="1" applyFont="1" applyFill="1" applyBorder="1" applyAlignment="1">
      <alignment horizontal="left" vertical="center" wrapText="1"/>
    </xf>
    <xf numFmtId="49" fontId="4" fillId="0" borderId="0" xfId="0" applyNumberFormat="1" applyFont="1" applyBorder="1" applyAlignment="1">
      <alignment horizontal="left" vertical="center" wrapText="1"/>
    </xf>
    <xf numFmtId="49" fontId="4" fillId="0" borderId="44" xfId="0" applyNumberFormat="1" applyFont="1" applyFill="1" applyBorder="1" applyAlignment="1">
      <alignment horizontal="left" vertical="center" wrapText="1"/>
    </xf>
    <xf numFmtId="49" fontId="2" fillId="0" borderId="46" xfId="0" applyNumberFormat="1" applyFont="1" applyFill="1" applyBorder="1" applyAlignment="1">
      <alignment horizontal="center" vertical="center" wrapText="1"/>
    </xf>
    <xf numFmtId="0" fontId="2" fillId="6" borderId="47" xfId="0" applyFont="1" applyFill="1" applyBorder="1" applyAlignment="1">
      <alignment horizontal="left" vertical="center" wrapText="1"/>
    </xf>
    <xf numFmtId="3" fontId="2" fillId="6" borderId="8" xfId="0" applyNumberFormat="1" applyFont="1" applyFill="1" applyBorder="1" applyAlignment="1">
      <alignment horizontal="center" vertical="center" wrapText="1"/>
    </xf>
    <xf numFmtId="0" fontId="2" fillId="6" borderId="0" xfId="0" applyFont="1" applyFill="1" applyAlignment="1">
      <alignment horizontal="left" vertical="center" wrapText="1"/>
    </xf>
    <xf numFmtId="0" fontId="2" fillId="0" borderId="8" xfId="0" applyFont="1" applyBorder="1" applyAlignment="1">
      <alignment horizontal="left" vertical="center" wrapText="1"/>
    </xf>
    <xf numFmtId="0" fontId="4" fillId="0" borderId="8" xfId="0" applyFont="1" applyBorder="1" applyAlignment="1">
      <alignment vertical="center" wrapText="1"/>
    </xf>
    <xf numFmtId="49" fontId="2" fillId="6" borderId="6" xfId="0" applyNumberFormat="1" applyFont="1" applyFill="1" applyBorder="1" applyAlignment="1">
      <alignment horizontal="left" vertical="center" wrapText="1"/>
    </xf>
    <xf numFmtId="0" fontId="4" fillId="6" borderId="8" xfId="0" applyFont="1" applyFill="1" applyBorder="1" applyAlignment="1">
      <alignment vertical="center" wrapText="1"/>
    </xf>
    <xf numFmtId="49" fontId="2" fillId="0" borderId="13" xfId="0" applyNumberFormat="1" applyFont="1" applyBorder="1" applyAlignment="1">
      <alignment horizontal="left" vertical="center" wrapText="1"/>
    </xf>
    <xf numFmtId="0" fontId="2" fillId="0" borderId="14" xfId="0" applyFont="1" applyBorder="1" applyAlignment="1">
      <alignment vertical="center" wrapText="1"/>
    </xf>
    <xf numFmtId="49" fontId="2" fillId="6" borderId="30" xfId="0" applyNumberFormat="1" applyFont="1" applyFill="1" applyBorder="1" applyAlignment="1">
      <alignment horizontal="center" vertical="center" wrapText="1"/>
    </xf>
    <xf numFmtId="0" fontId="2" fillId="0" borderId="50" xfId="0" applyFont="1" applyBorder="1" applyAlignment="1">
      <alignment vertical="center" wrapText="1"/>
    </xf>
    <xf numFmtId="49" fontId="2" fillId="6" borderId="21" xfId="0" applyNumberFormat="1" applyFont="1" applyFill="1" applyBorder="1" applyAlignment="1">
      <alignment horizontal="center" vertical="center" wrapText="1"/>
    </xf>
    <xf numFmtId="0" fontId="2" fillId="0" borderId="8" xfId="0" applyFont="1" applyBorder="1" applyAlignment="1">
      <alignment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center" vertical="center" wrapText="1"/>
    </xf>
    <xf numFmtId="0" fontId="2" fillId="0" borderId="51" xfId="0" applyFont="1" applyBorder="1" applyAlignment="1">
      <alignment vertical="center" wrapText="1"/>
    </xf>
    <xf numFmtId="49" fontId="2" fillId="0" borderId="27"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0" fontId="2" fillId="0" borderId="26" xfId="0" applyFont="1" applyBorder="1" applyAlignment="1">
      <alignment horizontal="justify" vertical="center"/>
    </xf>
    <xf numFmtId="49" fontId="2" fillId="0" borderId="49" xfId="0" applyNumberFormat="1" applyFont="1" applyBorder="1" applyAlignment="1">
      <alignment horizontal="right" vertical="center" wrapText="1"/>
    </xf>
    <xf numFmtId="0" fontId="2" fillId="0" borderId="27" xfId="0" applyFont="1" applyBorder="1" applyAlignment="1">
      <alignment horizontal="justify" vertical="center"/>
    </xf>
    <xf numFmtId="49" fontId="2" fillId="0" borderId="30" xfId="0" applyNumberFormat="1" applyFont="1" applyBorder="1" applyAlignment="1">
      <alignment horizontal="right" vertical="center" wrapText="1"/>
    </xf>
    <xf numFmtId="0" fontId="2" fillId="0" borderId="18" xfId="0" applyFont="1" applyBorder="1" applyAlignment="1">
      <alignment horizontal="justify" vertical="center"/>
    </xf>
    <xf numFmtId="0" fontId="2" fillId="0" borderId="51" xfId="0" applyFont="1" applyBorder="1" applyAlignment="1">
      <alignment horizontal="justify" vertical="center"/>
    </xf>
    <xf numFmtId="0" fontId="2" fillId="0" borderId="8" xfId="0" applyFont="1" applyBorder="1" applyAlignment="1">
      <alignment vertical="top" wrapText="1"/>
    </xf>
    <xf numFmtId="0" fontId="4" fillId="6" borderId="8" xfId="0" applyFont="1" applyFill="1" applyBorder="1" applyAlignment="1">
      <alignment horizontal="justify" vertical="center"/>
    </xf>
    <xf numFmtId="0" fontId="4" fillId="0" borderId="8" xfId="0" applyFont="1" applyBorder="1" applyAlignment="1">
      <alignment horizontal="justify" vertical="center"/>
    </xf>
    <xf numFmtId="49" fontId="4" fillId="6" borderId="26" xfId="0" applyNumberFormat="1" applyFont="1" applyFill="1" applyBorder="1" applyAlignment="1">
      <alignment horizontal="left" vertical="top" wrapText="1"/>
    </xf>
    <xf numFmtId="0" fontId="2" fillId="0" borderId="17" xfId="0" applyFont="1" applyBorder="1" applyAlignment="1">
      <alignment horizontal="left" vertical="center" wrapText="1"/>
    </xf>
    <xf numFmtId="49" fontId="2" fillId="0" borderId="52" xfId="0" applyNumberFormat="1" applyFont="1" applyFill="1" applyBorder="1" applyAlignment="1">
      <alignment horizontal="left" vertical="center" wrapText="1"/>
    </xf>
    <xf numFmtId="0" fontId="4" fillId="0" borderId="53" xfId="0" applyFont="1" applyFill="1" applyBorder="1" applyAlignment="1">
      <alignment horizontal="left" vertical="center" wrapText="1"/>
    </xf>
    <xf numFmtId="0" fontId="2" fillId="0" borderId="53" xfId="0" applyNumberFormat="1" applyFont="1" applyBorder="1" applyAlignment="1">
      <alignment horizontal="center" vertical="center" wrapText="1"/>
    </xf>
    <xf numFmtId="0" fontId="2" fillId="0" borderId="54" xfId="0" applyFont="1" applyFill="1" applyBorder="1" applyAlignment="1">
      <alignment horizontal="left" vertical="center" wrapText="1"/>
    </xf>
    <xf numFmtId="0" fontId="14" fillId="0" borderId="31" xfId="0" applyNumberFormat="1" applyFont="1" applyBorder="1" applyAlignment="1">
      <alignment horizontal="center" vertical="center" wrapText="1"/>
    </xf>
    <xf numFmtId="0" fontId="13" fillId="0" borderId="48" xfId="0" applyFont="1" applyFill="1" applyBorder="1" applyAlignment="1">
      <alignment horizontal="left" vertical="center" wrapText="1"/>
    </xf>
    <xf numFmtId="49" fontId="2" fillId="0" borderId="21" xfId="0" applyNumberFormat="1" applyFont="1" applyFill="1" applyBorder="1" applyAlignment="1">
      <alignment horizontal="center" vertical="center" wrapText="1"/>
    </xf>
    <xf numFmtId="0" fontId="2" fillId="6" borderId="17" xfId="0" applyFont="1" applyFill="1" applyBorder="1" applyAlignment="1">
      <alignment horizontal="left" vertical="center" wrapText="1"/>
    </xf>
    <xf numFmtId="0" fontId="14" fillId="0" borderId="58" xfId="0" applyNumberFormat="1" applyFont="1" applyBorder="1" applyAlignment="1">
      <alignment horizontal="center" vertical="center" wrapText="1"/>
    </xf>
    <xf numFmtId="0" fontId="13" fillId="0" borderId="22"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25" xfId="0" applyNumberFormat="1" applyFont="1" applyFill="1" applyBorder="1" applyAlignment="1">
      <alignment horizontal="left" vertical="top"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0" fontId="3" fillId="3" borderId="0" xfId="0" applyFont="1" applyFill="1" applyAlignment="1">
      <alignment horizontal="center" vertical="center"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49" fontId="4" fillId="6" borderId="0" xfId="1" applyNumberFormat="1" applyFont="1" applyFill="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3" fillId="0" borderId="0" xfId="0" applyFont="1" applyFill="1" applyAlignment="1">
      <alignment horizontal="left" vertical="center" wrapText="1"/>
    </xf>
    <xf numFmtId="0" fontId="7" fillId="0"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6"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center" wrapText="1"/>
    </xf>
    <xf numFmtId="0" fontId="2" fillId="0" borderId="8" xfId="0" applyFont="1" applyBorder="1" applyAlignment="1">
      <alignment horizontal="left" vertical="center" wrapText="1"/>
    </xf>
    <xf numFmtId="0" fontId="2" fillId="2" borderId="9" xfId="0" applyFont="1" applyFill="1" applyBorder="1" applyAlignment="1">
      <alignment horizontal="center" vertical="top" wrapText="1"/>
    </xf>
    <xf numFmtId="0" fontId="2" fillId="2" borderId="2" xfId="0" applyFont="1" applyFill="1" applyBorder="1" applyAlignment="1">
      <alignment horizontal="center" vertical="top" wrapText="1"/>
    </xf>
    <xf numFmtId="49" fontId="5" fillId="4" borderId="36" xfId="0" applyNumberFormat="1" applyFont="1" applyFill="1" applyBorder="1" applyAlignment="1">
      <alignment horizontal="left" vertical="center" wrapText="1"/>
    </xf>
    <xf numFmtId="49" fontId="5" fillId="4" borderId="23" xfId="0" applyNumberFormat="1" applyFont="1" applyFill="1" applyBorder="1" applyAlignment="1">
      <alignment horizontal="left" vertical="center" wrapText="1"/>
    </xf>
    <xf numFmtId="49" fontId="5" fillId="4" borderId="37" xfId="0" applyNumberFormat="1" applyFont="1" applyFill="1" applyBorder="1" applyAlignment="1">
      <alignment horizontal="left" vertical="center" wrapText="1"/>
    </xf>
    <xf numFmtId="49" fontId="5" fillId="4" borderId="55" xfId="0" applyNumberFormat="1" applyFont="1" applyFill="1" applyBorder="1" applyAlignment="1">
      <alignment horizontal="left" vertical="center" wrapText="1"/>
    </xf>
    <xf numFmtId="49" fontId="5" fillId="4" borderId="56" xfId="0" applyNumberFormat="1" applyFont="1" applyFill="1" applyBorder="1" applyAlignment="1">
      <alignment horizontal="left" vertical="center" wrapText="1"/>
    </xf>
    <xf numFmtId="49" fontId="5" fillId="4" borderId="57" xfId="0" applyNumberFormat="1" applyFont="1" applyFill="1" applyBorder="1" applyAlignment="1">
      <alignment horizontal="left" vertical="center"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6" borderId="8" xfId="0" applyFont="1" applyFill="1" applyBorder="1" applyAlignment="1">
      <alignment horizontal="left" vertical="center" wrapText="1"/>
    </xf>
    <xf numFmtId="0" fontId="2" fillId="6" borderId="0" xfId="0" applyFont="1" applyFill="1" applyAlignment="1">
      <alignment horizontal="left" vertical="center" wrapText="1"/>
    </xf>
    <xf numFmtId="0" fontId="16" fillId="0" borderId="0" xfId="0" applyFont="1" applyAlignment="1">
      <alignment horizontal="center" vertical="center"/>
    </xf>
  </cellXfs>
  <cellStyles count="6">
    <cellStyle name="Normálna" xfId="0" builtinId="0"/>
    <cellStyle name="Normálna 2" xfId="2"/>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2</xdr:row>
          <xdr:rowOff>0</xdr:rowOff>
        </xdr:from>
        <xdr:to>
          <xdr:col>0</xdr:col>
          <xdr:colOff>885825</xdr:colOff>
          <xdr:row>22</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3</xdr:row>
          <xdr:rowOff>9525</xdr:rowOff>
        </xdr:from>
        <xdr:to>
          <xdr:col>0</xdr:col>
          <xdr:colOff>885825</xdr:colOff>
          <xdr:row>23</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0</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0</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47"/>
  <sheetViews>
    <sheetView showGridLines="0" tabSelected="1" zoomScale="90" zoomScaleNormal="90" workbookViewId="0">
      <selection activeCell="G12" sqref="G12"/>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89" t="s">
        <v>34</v>
      </c>
      <c r="B1" s="189"/>
      <c r="C1" s="189"/>
      <c r="D1" s="189"/>
      <c r="E1" s="189"/>
    </row>
    <row r="2" spans="1:5" ht="27.75" customHeight="1" x14ac:dyDescent="0.2">
      <c r="A2" s="169" t="s">
        <v>33</v>
      </c>
      <c r="B2" s="169"/>
      <c r="C2" s="169"/>
      <c r="D2" s="169"/>
      <c r="E2" s="169"/>
    </row>
    <row r="3" spans="1:5" ht="54.75" customHeight="1" x14ac:dyDescent="0.2">
      <c r="A3" s="170" t="s">
        <v>37</v>
      </c>
      <c r="B3" s="170"/>
      <c r="C3" s="170"/>
      <c r="D3" s="170"/>
      <c r="E3" s="170"/>
    </row>
    <row r="4" spans="1:5" ht="24.95" customHeight="1" x14ac:dyDescent="0.2">
      <c r="A4" s="93" t="s">
        <v>36</v>
      </c>
      <c r="B4" s="29"/>
      <c r="C4" s="26"/>
      <c r="D4" s="26"/>
    </row>
    <row r="5" spans="1:5" ht="24.95" customHeight="1" x14ac:dyDescent="0.2">
      <c r="A5" s="93" t="s">
        <v>35</v>
      </c>
      <c r="B5" s="30"/>
      <c r="C5" s="26"/>
      <c r="D5" s="26"/>
    </row>
    <row r="6" spans="1:5" ht="5.0999999999999996" customHeight="1" x14ac:dyDescent="0.2">
      <c r="A6" s="26"/>
      <c r="B6" s="26"/>
      <c r="C6" s="26"/>
      <c r="D6" s="26"/>
    </row>
    <row r="7" spans="1:5" s="2" customFormat="1" ht="20.100000000000001" customHeight="1" x14ac:dyDescent="0.25">
      <c r="A7" s="160" t="s">
        <v>3</v>
      </c>
      <c r="B7" s="160"/>
      <c r="C7" s="160"/>
      <c r="D7" s="160"/>
      <c r="E7" s="160"/>
    </row>
    <row r="8" spans="1:5" s="2" customFormat="1" ht="20.100000000000001" customHeight="1" x14ac:dyDescent="0.25">
      <c r="A8" s="171" t="s">
        <v>6</v>
      </c>
      <c r="B8" s="171"/>
      <c r="C8" s="171"/>
      <c r="D8" s="171"/>
    </row>
    <row r="9" spans="1:5" ht="24.95" customHeight="1" x14ac:dyDescent="0.2">
      <c r="A9" s="172" t="s">
        <v>105</v>
      </c>
      <c r="B9" s="172"/>
      <c r="C9" s="172"/>
      <c r="D9" s="172"/>
    </row>
    <row r="10" spans="1:5" ht="4.5" customHeight="1" x14ac:dyDescent="0.2">
      <c r="A10" s="79"/>
      <c r="B10" s="27"/>
      <c r="C10" s="27"/>
      <c r="D10" s="27"/>
    </row>
    <row r="11" spans="1:5" s="2" customFormat="1" ht="18.75" customHeight="1" x14ac:dyDescent="0.25">
      <c r="A11" s="173" t="s">
        <v>7</v>
      </c>
      <c r="B11" s="173"/>
      <c r="C11" s="173"/>
      <c r="D11" s="173"/>
    </row>
    <row r="12" spans="1:5" s="2" customFormat="1" ht="70.5" customHeight="1" x14ac:dyDescent="0.25">
      <c r="A12" s="174" t="s">
        <v>99</v>
      </c>
      <c r="B12" s="174"/>
      <c r="C12" s="174"/>
      <c r="D12" s="31"/>
    </row>
    <row r="13" spans="1:5" ht="4.5" customHeight="1" x14ac:dyDescent="0.2">
      <c r="A13" s="80"/>
      <c r="B13" s="32"/>
      <c r="C13" s="32"/>
      <c r="D13" s="27"/>
    </row>
    <row r="14" spans="1:5" ht="20.100000000000001" customHeight="1" x14ac:dyDescent="0.2">
      <c r="A14" s="90" t="s">
        <v>8</v>
      </c>
      <c r="B14" s="14"/>
      <c r="C14" s="14"/>
      <c r="D14" s="15"/>
    </row>
    <row r="15" spans="1:5" s="3" customFormat="1" ht="24.95" customHeight="1" x14ac:dyDescent="0.25">
      <c r="A15" s="184" t="s">
        <v>76</v>
      </c>
      <c r="B15" s="184"/>
      <c r="C15" s="184"/>
      <c r="D15" s="13"/>
    </row>
    <row r="16" spans="1:5" ht="5.0999999999999996" customHeight="1" x14ac:dyDescent="0.2">
      <c r="A16" s="186"/>
      <c r="B16" s="186"/>
      <c r="C16" s="186"/>
    </row>
    <row r="17" spans="1:5" s="2" customFormat="1" ht="20.100000000000001" customHeight="1" x14ac:dyDescent="0.25">
      <c r="A17" s="160" t="s">
        <v>15</v>
      </c>
      <c r="B17" s="160"/>
      <c r="C17" s="160"/>
      <c r="D17" s="160"/>
      <c r="E17" s="160"/>
    </row>
    <row r="18" spans="1:5" s="73" customFormat="1" ht="42.75" customHeight="1" x14ac:dyDescent="0.2">
      <c r="A18" s="172" t="s">
        <v>106</v>
      </c>
      <c r="B18" s="172"/>
      <c r="C18" s="172"/>
      <c r="D18" s="172"/>
      <c r="E18" s="172"/>
    </row>
    <row r="19" spans="1:5" ht="5.0999999999999996" customHeight="1" x14ac:dyDescent="0.2">
      <c r="A19" s="186"/>
      <c r="B19" s="186"/>
      <c r="C19" s="186"/>
    </row>
    <row r="20" spans="1:5" s="2" customFormat="1" ht="20.100000000000001" customHeight="1" x14ac:dyDescent="0.25">
      <c r="A20" s="160" t="s">
        <v>16</v>
      </c>
      <c r="B20" s="160"/>
      <c r="C20" s="160"/>
      <c r="D20" s="160"/>
      <c r="E20" s="160"/>
    </row>
    <row r="21" spans="1:5" s="9" customFormat="1" ht="20.100000000000001" customHeight="1" x14ac:dyDescent="0.25">
      <c r="A21" s="185" t="s">
        <v>4</v>
      </c>
      <c r="B21" s="185"/>
      <c r="C21" s="185"/>
      <c r="D21" s="185"/>
    </row>
    <row r="22" spans="1:5" s="9" customFormat="1" ht="20.100000000000001" customHeight="1" x14ac:dyDescent="0.25">
      <c r="A22" s="167" t="s">
        <v>12</v>
      </c>
      <c r="B22" s="168"/>
      <c r="C22" s="12"/>
      <c r="D22" s="12"/>
    </row>
    <row r="23" spans="1:5" s="72" customFormat="1" ht="20.100000000000001" customHeight="1" x14ac:dyDescent="0.25">
      <c r="A23" s="81"/>
      <c r="B23" s="74" t="s">
        <v>75</v>
      </c>
      <c r="C23" s="75"/>
      <c r="D23" s="75"/>
    </row>
    <row r="24" spans="1:5" s="9" customFormat="1" ht="20.100000000000001" customHeight="1" x14ac:dyDescent="0.25">
      <c r="A24" s="26"/>
      <c r="B24" s="11" t="s">
        <v>14</v>
      </c>
      <c r="C24" s="12"/>
      <c r="D24" s="12"/>
    </row>
    <row r="25" spans="1:5" s="9" customFormat="1" ht="20.100000000000001" customHeight="1" x14ac:dyDescent="0.25">
      <c r="A25" s="167" t="s">
        <v>77</v>
      </c>
      <c r="B25" s="168"/>
      <c r="C25" s="12"/>
      <c r="D25" s="12"/>
    </row>
    <row r="26" spans="1:5" s="72" customFormat="1" ht="6.75" customHeight="1" x14ac:dyDescent="0.25">
      <c r="A26" s="188"/>
      <c r="B26" s="188"/>
      <c r="C26" s="188"/>
      <c r="D26" s="188"/>
      <c r="E26" s="188"/>
    </row>
    <row r="27" spans="1:5" s="47" customFormat="1" ht="31.5" customHeight="1" x14ac:dyDescent="0.25">
      <c r="A27" s="59" t="s">
        <v>45</v>
      </c>
      <c r="B27" s="57" t="s">
        <v>100</v>
      </c>
      <c r="C27" s="58"/>
      <c r="D27" s="59" t="s">
        <v>49</v>
      </c>
      <c r="E27" s="59" t="s">
        <v>73</v>
      </c>
    </row>
    <row r="28" spans="1:5" s="48" customFormat="1" ht="27" customHeight="1" x14ac:dyDescent="0.25">
      <c r="A28" s="96" t="s">
        <v>46</v>
      </c>
      <c r="B28" s="187" t="s">
        <v>71</v>
      </c>
      <c r="C28" s="187" t="s">
        <v>55</v>
      </c>
      <c r="D28" s="97" t="s">
        <v>74</v>
      </c>
      <c r="E28" s="116">
        <v>196150</v>
      </c>
    </row>
    <row r="29" spans="1:5" s="67" customFormat="1" ht="27" customHeight="1" x14ac:dyDescent="0.25">
      <c r="A29" s="96" t="s">
        <v>47</v>
      </c>
      <c r="B29" s="175" t="s">
        <v>72</v>
      </c>
      <c r="C29" s="175" t="s">
        <v>56</v>
      </c>
      <c r="D29" s="97" t="s">
        <v>74</v>
      </c>
      <c r="E29" s="116">
        <v>4000</v>
      </c>
    </row>
    <row r="30" spans="1:5" s="2" customFormat="1" ht="21" customHeight="1" x14ac:dyDescent="0.25">
      <c r="A30" s="82" t="s">
        <v>48</v>
      </c>
      <c r="B30" s="51"/>
      <c r="C30" s="51"/>
      <c r="D30" s="50"/>
      <c r="E30" s="98">
        <f>SUM(E28:E29)</f>
        <v>200150</v>
      </c>
    </row>
    <row r="31" spans="1:5" s="2" customFormat="1" ht="10.5" customHeight="1" x14ac:dyDescent="0.25">
      <c r="A31" s="83"/>
      <c r="B31" s="53"/>
      <c r="C31" s="53"/>
      <c r="D31" s="49"/>
      <c r="E31" s="54"/>
    </row>
    <row r="32" spans="1:5" s="9" customFormat="1" ht="10.5" customHeight="1" x14ac:dyDescent="0.25">
      <c r="A32" s="167" t="s">
        <v>13</v>
      </c>
      <c r="B32" s="167"/>
      <c r="C32" s="46"/>
      <c r="D32" s="46"/>
    </row>
    <row r="33" spans="1:5" s="9" customFormat="1" ht="27" customHeight="1" x14ac:dyDescent="0.2">
      <c r="A33" s="84"/>
      <c r="B33" s="9" t="s">
        <v>1</v>
      </c>
      <c r="C33" s="46"/>
      <c r="D33" s="46"/>
    </row>
    <row r="34" spans="1:5" s="9" customFormat="1" ht="27" customHeight="1" x14ac:dyDescent="0.25">
      <c r="A34" s="26"/>
      <c r="B34" s="2" t="s">
        <v>2</v>
      </c>
      <c r="C34" s="46"/>
      <c r="D34" s="46"/>
    </row>
    <row r="35" spans="1:5" ht="10.5" customHeight="1" x14ac:dyDescent="0.2"/>
    <row r="36" spans="1:5" s="2" customFormat="1" ht="20.100000000000001" customHeight="1" x14ac:dyDescent="0.25">
      <c r="A36" s="160" t="s">
        <v>17</v>
      </c>
      <c r="B36" s="160"/>
      <c r="C36" s="160"/>
      <c r="D36" s="160"/>
      <c r="E36" s="160"/>
    </row>
    <row r="37" spans="1:5" s="2" customFormat="1" ht="5.0999999999999996" customHeight="1" thickBot="1" x14ac:dyDescent="0.3">
      <c r="A37" s="76"/>
      <c r="C37" s="6"/>
      <c r="D37" s="6"/>
    </row>
    <row r="38" spans="1:5" s="3" customFormat="1" ht="78.75" customHeight="1" x14ac:dyDescent="0.25">
      <c r="A38" s="154" t="s">
        <v>0</v>
      </c>
      <c r="B38" s="155"/>
      <c r="C38" s="158" t="s">
        <v>159</v>
      </c>
      <c r="D38" s="159"/>
      <c r="E38" s="16"/>
    </row>
    <row r="39" spans="1:5" s="3" customFormat="1" ht="35.25" customHeight="1" x14ac:dyDescent="0.25">
      <c r="A39" s="156"/>
      <c r="B39" s="157"/>
      <c r="C39" s="89" t="s">
        <v>18</v>
      </c>
      <c r="D39" s="88" t="s">
        <v>160</v>
      </c>
    </row>
    <row r="40" spans="1:5" s="18" customFormat="1" ht="30.75" customHeight="1" x14ac:dyDescent="0.25">
      <c r="A40" s="178" t="s">
        <v>57</v>
      </c>
      <c r="B40" s="179"/>
      <c r="C40" s="179"/>
      <c r="D40" s="180"/>
    </row>
    <row r="41" spans="1:5" s="4" customFormat="1" ht="30" customHeight="1" x14ac:dyDescent="0.25">
      <c r="A41" s="69" t="s">
        <v>10</v>
      </c>
      <c r="B41" s="71" t="s">
        <v>59</v>
      </c>
      <c r="C41" s="34"/>
      <c r="D41" s="37"/>
    </row>
    <row r="42" spans="1:5" s="4" customFormat="1" ht="45.75" customHeight="1" x14ac:dyDescent="0.25">
      <c r="A42" s="35" t="s">
        <v>54</v>
      </c>
      <c r="B42" s="68" t="s">
        <v>60</v>
      </c>
      <c r="C42" s="34"/>
      <c r="D42" s="37"/>
    </row>
    <row r="43" spans="1:5" s="4" customFormat="1" ht="30" customHeight="1" x14ac:dyDescent="0.25">
      <c r="A43" s="35" t="s">
        <v>50</v>
      </c>
      <c r="B43" s="70" t="s">
        <v>61</v>
      </c>
      <c r="C43" s="34"/>
      <c r="D43" s="37"/>
    </row>
    <row r="44" spans="1:5" s="4" customFormat="1" ht="30" customHeight="1" x14ac:dyDescent="0.25">
      <c r="A44" s="35" t="s">
        <v>51</v>
      </c>
      <c r="B44" s="70" t="s">
        <v>62</v>
      </c>
      <c r="C44" s="34"/>
      <c r="D44" s="37"/>
    </row>
    <row r="45" spans="1:5" s="4" customFormat="1" ht="30" customHeight="1" x14ac:dyDescent="0.25">
      <c r="A45" s="35" t="s">
        <v>52</v>
      </c>
      <c r="B45" s="70" t="s">
        <v>63</v>
      </c>
      <c r="C45" s="34"/>
      <c r="D45" s="37"/>
    </row>
    <row r="46" spans="1:5" s="4" customFormat="1" ht="30" customHeight="1" x14ac:dyDescent="0.25">
      <c r="A46" s="99" t="s">
        <v>65</v>
      </c>
      <c r="B46" s="70" t="s">
        <v>101</v>
      </c>
      <c r="C46" s="34"/>
      <c r="D46" s="37"/>
    </row>
    <row r="47" spans="1:5" s="4" customFormat="1" ht="30" customHeight="1" x14ac:dyDescent="0.25">
      <c r="A47" s="99" t="s">
        <v>66</v>
      </c>
      <c r="B47" s="70" t="s">
        <v>102</v>
      </c>
      <c r="C47" s="34"/>
      <c r="D47" s="37"/>
    </row>
    <row r="48" spans="1:5" s="4" customFormat="1" ht="30" customHeight="1" x14ac:dyDescent="0.25">
      <c r="A48" s="35" t="s">
        <v>53</v>
      </c>
      <c r="B48" s="70" t="s">
        <v>64</v>
      </c>
      <c r="C48" s="34"/>
      <c r="D48" s="37"/>
    </row>
    <row r="49" spans="1:5" s="4" customFormat="1" ht="30" customHeight="1" x14ac:dyDescent="0.25">
      <c r="A49" s="99" t="s">
        <v>67</v>
      </c>
      <c r="B49" s="70" t="s">
        <v>103</v>
      </c>
      <c r="C49" s="34"/>
      <c r="D49" s="37"/>
    </row>
    <row r="50" spans="1:5" s="4" customFormat="1" ht="30" customHeight="1" x14ac:dyDescent="0.25">
      <c r="A50" s="100" t="s">
        <v>68</v>
      </c>
      <c r="B50" s="70" t="s">
        <v>104</v>
      </c>
      <c r="C50" s="34"/>
      <c r="D50" s="37"/>
    </row>
    <row r="51" spans="1:5" s="4" customFormat="1" ht="29.25" customHeight="1" x14ac:dyDescent="0.25">
      <c r="A51" s="178" t="s">
        <v>58</v>
      </c>
      <c r="B51" s="179"/>
      <c r="C51" s="179"/>
      <c r="D51" s="180"/>
    </row>
    <row r="52" spans="1:5" s="4" customFormat="1" ht="30" customHeight="1" x14ac:dyDescent="0.25">
      <c r="A52" s="87" t="s">
        <v>10</v>
      </c>
      <c r="B52" s="33" t="s">
        <v>69</v>
      </c>
      <c r="C52" s="34"/>
      <c r="D52" s="37"/>
    </row>
    <row r="53" spans="1:5" s="4" customFormat="1" ht="39.75" customHeight="1" x14ac:dyDescent="0.25">
      <c r="A53" s="35" t="s">
        <v>54</v>
      </c>
      <c r="B53" s="33" t="s">
        <v>70</v>
      </c>
      <c r="C53" s="34"/>
      <c r="D53" s="37"/>
    </row>
    <row r="54" spans="1:5" s="4" customFormat="1" ht="30" customHeight="1" x14ac:dyDescent="0.25">
      <c r="A54" s="35" t="s">
        <v>50</v>
      </c>
      <c r="B54" s="70" t="s">
        <v>61</v>
      </c>
      <c r="C54" s="34"/>
      <c r="D54" s="37"/>
    </row>
    <row r="55" spans="1:5" s="4" customFormat="1" ht="30" customHeight="1" x14ac:dyDescent="0.25">
      <c r="A55" s="35" t="s">
        <v>51</v>
      </c>
      <c r="B55" s="70" t="s">
        <v>62</v>
      </c>
      <c r="C55" s="34"/>
      <c r="D55" s="37"/>
    </row>
    <row r="56" spans="1:5" s="4" customFormat="1" ht="30" customHeight="1" x14ac:dyDescent="0.25">
      <c r="A56" s="35" t="s">
        <v>52</v>
      </c>
      <c r="B56" s="70" t="s">
        <v>63</v>
      </c>
      <c r="C56" s="34"/>
      <c r="D56" s="37"/>
    </row>
    <row r="57" spans="1:5" s="4" customFormat="1" ht="30" customHeight="1" x14ac:dyDescent="0.25">
      <c r="A57" s="99" t="s">
        <v>65</v>
      </c>
      <c r="B57" s="70" t="s">
        <v>101</v>
      </c>
      <c r="C57" s="34"/>
      <c r="D57" s="37"/>
    </row>
    <row r="58" spans="1:5" s="4" customFormat="1" ht="30" customHeight="1" x14ac:dyDescent="0.25">
      <c r="A58" s="99" t="s">
        <v>66</v>
      </c>
      <c r="B58" s="70" t="s">
        <v>102</v>
      </c>
      <c r="C58" s="34"/>
      <c r="D58" s="37"/>
    </row>
    <row r="59" spans="1:5" s="4" customFormat="1" ht="30" customHeight="1" x14ac:dyDescent="0.25">
      <c r="A59" s="35" t="s">
        <v>53</v>
      </c>
      <c r="B59" s="33" t="s">
        <v>64</v>
      </c>
      <c r="C59" s="34"/>
      <c r="D59" s="37"/>
    </row>
    <row r="60" spans="1:5" s="4" customFormat="1" ht="30" customHeight="1" x14ac:dyDescent="0.25">
      <c r="A60" s="99" t="s">
        <v>67</v>
      </c>
      <c r="B60" s="101" t="s">
        <v>103</v>
      </c>
      <c r="C60" s="34"/>
      <c r="D60" s="37"/>
    </row>
    <row r="61" spans="1:5" s="4" customFormat="1" ht="30" customHeight="1" x14ac:dyDescent="0.25">
      <c r="A61" s="100" t="s">
        <v>68</v>
      </c>
      <c r="B61" s="101" t="s">
        <v>104</v>
      </c>
      <c r="C61" s="34"/>
      <c r="D61" s="37"/>
    </row>
    <row r="62" spans="1:5" s="4" customFormat="1" ht="81" customHeight="1" thickBot="1" x14ac:dyDescent="0.3">
      <c r="A62" s="181" t="s">
        <v>154</v>
      </c>
      <c r="B62" s="182"/>
      <c r="C62" s="182"/>
      <c r="D62" s="183"/>
    </row>
    <row r="63" spans="1:5" s="3" customFormat="1" ht="6.75" customHeight="1" x14ac:dyDescent="0.25">
      <c r="A63" s="7"/>
      <c r="B63" s="5"/>
      <c r="C63" s="7"/>
      <c r="D63" s="7"/>
    </row>
    <row r="64" spans="1:5" s="2" customFormat="1" ht="20.100000000000001" customHeight="1" x14ac:dyDescent="0.25">
      <c r="A64" s="160" t="s">
        <v>43</v>
      </c>
      <c r="B64" s="160"/>
      <c r="C64" s="160"/>
      <c r="D64" s="160"/>
      <c r="E64" s="160"/>
    </row>
    <row r="65" spans="1:4" s="2" customFormat="1" ht="5.0999999999999996" customHeight="1" thickBot="1" x14ac:dyDescent="0.3">
      <c r="A65" s="76"/>
      <c r="C65" s="44"/>
      <c r="D65" s="44"/>
    </row>
    <row r="66" spans="1:4" s="3" customFormat="1" ht="69" customHeight="1" x14ac:dyDescent="0.25">
      <c r="A66" s="154" t="s">
        <v>44</v>
      </c>
      <c r="B66" s="155"/>
      <c r="C66" s="176" t="s">
        <v>155</v>
      </c>
      <c r="D66" s="177"/>
    </row>
    <row r="67" spans="1:4" s="3" customFormat="1" ht="35.25" customHeight="1" thickBot="1" x14ac:dyDescent="0.3">
      <c r="A67" s="156"/>
      <c r="B67" s="157"/>
      <c r="C67" s="17" t="s">
        <v>5</v>
      </c>
      <c r="D67" s="88" t="s">
        <v>19</v>
      </c>
    </row>
    <row r="68" spans="1:4" s="2" customFormat="1" ht="47.25" customHeight="1" x14ac:dyDescent="0.25">
      <c r="A68" s="69" t="s">
        <v>10</v>
      </c>
      <c r="B68" s="119" t="s">
        <v>107</v>
      </c>
      <c r="C68" s="34"/>
      <c r="D68" s="78"/>
    </row>
    <row r="69" spans="1:4" s="2" customFormat="1" ht="60" customHeight="1" x14ac:dyDescent="0.25">
      <c r="A69" s="69" t="s">
        <v>39</v>
      </c>
      <c r="B69" s="118" t="s">
        <v>108</v>
      </c>
      <c r="C69" s="34"/>
      <c r="D69" s="41"/>
    </row>
    <row r="70" spans="1:4" s="2" customFormat="1" ht="141.75" customHeight="1" x14ac:dyDescent="0.25">
      <c r="A70" s="120" t="s">
        <v>40</v>
      </c>
      <c r="B70" s="117" t="s">
        <v>109</v>
      </c>
      <c r="C70" s="34"/>
      <c r="D70" s="41"/>
    </row>
    <row r="71" spans="1:4" s="2" customFormat="1" ht="106.5" customHeight="1" x14ac:dyDescent="0.25">
      <c r="A71" s="120" t="s">
        <v>41</v>
      </c>
      <c r="B71" s="121" t="s">
        <v>110</v>
      </c>
      <c r="C71" s="34"/>
      <c r="D71" s="41"/>
    </row>
    <row r="72" spans="1:4" s="2" customFormat="1" ht="83.25" customHeight="1" x14ac:dyDescent="0.25">
      <c r="A72" s="122" t="s">
        <v>93</v>
      </c>
      <c r="B72" s="123" t="s">
        <v>111</v>
      </c>
      <c r="C72" s="34"/>
      <c r="D72" s="45"/>
    </row>
    <row r="73" spans="1:4" s="2" customFormat="1" ht="107.25" customHeight="1" x14ac:dyDescent="0.25">
      <c r="A73" s="124" t="s">
        <v>112</v>
      </c>
      <c r="B73" s="125" t="s">
        <v>113</v>
      </c>
      <c r="C73" s="34"/>
      <c r="D73" s="65"/>
    </row>
    <row r="74" spans="1:4" s="2" customFormat="1" ht="89.25" customHeight="1" x14ac:dyDescent="0.25">
      <c r="A74" s="126" t="s">
        <v>114</v>
      </c>
      <c r="B74" s="117" t="s">
        <v>115</v>
      </c>
      <c r="C74" s="34"/>
      <c r="D74" s="65"/>
    </row>
    <row r="75" spans="1:4" s="2" customFormat="1" ht="44.25" customHeight="1" x14ac:dyDescent="0.25">
      <c r="A75" s="69" t="s">
        <v>94</v>
      </c>
      <c r="B75" s="127" t="s">
        <v>116</v>
      </c>
      <c r="C75" s="34"/>
      <c r="D75" s="41"/>
    </row>
    <row r="76" spans="1:4" s="2" customFormat="1" ht="41.25" customHeight="1" x14ac:dyDescent="0.25">
      <c r="A76" s="128" t="s">
        <v>95</v>
      </c>
      <c r="B76" s="123" t="s">
        <v>117</v>
      </c>
      <c r="C76" s="34"/>
      <c r="D76" s="62"/>
    </row>
    <row r="77" spans="1:4" s="2" customFormat="1" ht="41.25" customHeight="1" x14ac:dyDescent="0.25">
      <c r="A77" s="129" t="s">
        <v>118</v>
      </c>
      <c r="B77" s="130" t="s">
        <v>119</v>
      </c>
      <c r="C77" s="34"/>
      <c r="D77" s="45"/>
    </row>
    <row r="78" spans="1:4" s="2" customFormat="1" ht="43.5" customHeight="1" x14ac:dyDescent="0.25">
      <c r="A78" s="129" t="s">
        <v>120</v>
      </c>
      <c r="B78" s="130" t="s">
        <v>121</v>
      </c>
      <c r="C78" s="34"/>
      <c r="D78" s="63"/>
    </row>
    <row r="79" spans="1:4" s="2" customFormat="1" ht="78.75" customHeight="1" x14ac:dyDescent="0.25">
      <c r="A79" s="129" t="s">
        <v>122</v>
      </c>
      <c r="B79" s="130" t="s">
        <v>123</v>
      </c>
      <c r="C79" s="34"/>
      <c r="D79" s="45"/>
    </row>
    <row r="80" spans="1:4" s="2" customFormat="1" ht="47.25" customHeight="1" x14ac:dyDescent="0.25">
      <c r="A80" s="129" t="s">
        <v>124</v>
      </c>
      <c r="B80" s="131" t="s">
        <v>125</v>
      </c>
      <c r="C80" s="34"/>
      <c r="D80" s="64"/>
    </row>
    <row r="81" spans="1:5" s="2" customFormat="1" ht="66.75" customHeight="1" x14ac:dyDescent="0.25">
      <c r="A81" s="132" t="s">
        <v>126</v>
      </c>
      <c r="B81" s="133" t="s">
        <v>127</v>
      </c>
      <c r="C81" s="34"/>
      <c r="D81" s="62"/>
    </row>
    <row r="82" spans="1:5" s="2" customFormat="1" ht="60" customHeight="1" x14ac:dyDescent="0.25">
      <c r="A82" s="134" t="s">
        <v>128</v>
      </c>
      <c r="B82" s="135" t="s">
        <v>129</v>
      </c>
      <c r="C82" s="34"/>
      <c r="D82" s="45"/>
    </row>
    <row r="83" spans="1:5" s="2" customFormat="1" ht="58.5" customHeight="1" x14ac:dyDescent="0.25">
      <c r="A83" s="136" t="s">
        <v>130</v>
      </c>
      <c r="B83" s="135" t="s">
        <v>131</v>
      </c>
      <c r="C83" s="34"/>
      <c r="D83" s="65"/>
    </row>
    <row r="84" spans="1:5" s="2" customFormat="1" ht="75.75" customHeight="1" x14ac:dyDescent="0.25">
      <c r="A84" s="136" t="s">
        <v>132</v>
      </c>
      <c r="B84" s="137" t="s">
        <v>133</v>
      </c>
      <c r="C84" s="34"/>
      <c r="D84" s="63"/>
    </row>
    <row r="85" spans="1:5" s="2" customFormat="1" ht="95.25" customHeight="1" x14ac:dyDescent="0.25">
      <c r="A85" s="134" t="s">
        <v>134</v>
      </c>
      <c r="B85" s="138" t="s">
        <v>135</v>
      </c>
      <c r="C85" s="34"/>
      <c r="D85" s="63"/>
    </row>
    <row r="86" spans="1:5" s="2" customFormat="1" ht="198.75" customHeight="1" x14ac:dyDescent="0.25">
      <c r="A86" s="69" t="s">
        <v>96</v>
      </c>
      <c r="B86" s="139" t="s">
        <v>136</v>
      </c>
      <c r="C86" s="34"/>
      <c r="D86" s="45"/>
    </row>
    <row r="87" spans="1:5" s="2" customFormat="1" ht="103.5" customHeight="1" x14ac:dyDescent="0.25">
      <c r="A87" s="69" t="s">
        <v>97</v>
      </c>
      <c r="B87" s="127" t="s">
        <v>137</v>
      </c>
      <c r="C87" s="34"/>
      <c r="D87" s="64"/>
    </row>
    <row r="88" spans="1:5" s="2" customFormat="1" ht="111.75" customHeight="1" x14ac:dyDescent="0.25">
      <c r="A88" s="120" t="s">
        <v>138</v>
      </c>
      <c r="B88" s="140" t="s">
        <v>139</v>
      </c>
      <c r="C88" s="34"/>
      <c r="D88" s="78"/>
    </row>
    <row r="89" spans="1:5" s="2" customFormat="1" ht="198.75" customHeight="1" x14ac:dyDescent="0.25">
      <c r="A89" s="69" t="s">
        <v>140</v>
      </c>
      <c r="B89" s="141" t="s">
        <v>141</v>
      </c>
      <c r="C89" s="34"/>
      <c r="D89" s="41"/>
    </row>
    <row r="90" spans="1:5" s="2" customFormat="1" ht="90" customHeight="1" x14ac:dyDescent="0.25">
      <c r="A90" s="69" t="s">
        <v>142</v>
      </c>
      <c r="B90" s="127" t="s">
        <v>143</v>
      </c>
      <c r="C90" s="34"/>
      <c r="D90" s="66"/>
    </row>
    <row r="91" spans="1:5" s="2" customFormat="1" ht="140.25" customHeight="1" x14ac:dyDescent="0.25">
      <c r="A91" s="122" t="s">
        <v>144</v>
      </c>
      <c r="B91" s="118" t="s">
        <v>145</v>
      </c>
      <c r="C91" s="34"/>
      <c r="D91" s="64"/>
    </row>
    <row r="92" spans="1:5" s="2" customFormat="1" ht="87.75" customHeight="1" x14ac:dyDescent="0.25">
      <c r="A92" s="69" t="s">
        <v>146</v>
      </c>
      <c r="B92" s="143" t="s">
        <v>147</v>
      </c>
      <c r="C92" s="34"/>
      <c r="D92" s="41"/>
    </row>
    <row r="93" spans="1:5" s="2" customFormat="1" ht="110.25" customHeight="1" thickBot="1" x14ac:dyDescent="0.3">
      <c r="A93" s="144" t="s">
        <v>148</v>
      </c>
      <c r="B93" s="145" t="s">
        <v>149</v>
      </c>
      <c r="C93" s="146"/>
      <c r="D93" s="147"/>
    </row>
    <row r="94" spans="1:5" s="3" customFormat="1" ht="6.75" customHeight="1" x14ac:dyDescent="0.25">
      <c r="A94" s="55"/>
      <c r="B94" s="56"/>
      <c r="C94" s="7"/>
      <c r="D94" s="7"/>
      <c r="E94" s="2"/>
    </row>
    <row r="95" spans="1:5" s="2" customFormat="1" ht="20.100000000000001" customHeight="1" x14ac:dyDescent="0.25">
      <c r="A95" s="160" t="s">
        <v>98</v>
      </c>
      <c r="B95" s="160"/>
      <c r="C95" s="160"/>
      <c r="D95" s="160"/>
      <c r="E95" s="160"/>
    </row>
    <row r="96" spans="1:5" s="2" customFormat="1" ht="6.75" customHeight="1" thickBot="1" x14ac:dyDescent="0.3">
      <c r="A96" s="76"/>
    </row>
    <row r="97" spans="1:5" s="2" customFormat="1" ht="72.75" customHeight="1" x14ac:dyDescent="0.25">
      <c r="A97" s="154" t="s">
        <v>158</v>
      </c>
      <c r="B97" s="155"/>
      <c r="C97" s="158" t="s">
        <v>88</v>
      </c>
      <c r="D97" s="159"/>
    </row>
    <row r="98" spans="1:5" s="3" customFormat="1" ht="45" customHeight="1" x14ac:dyDescent="0.25">
      <c r="A98" s="156"/>
      <c r="B98" s="157"/>
      <c r="C98" s="77" t="s">
        <v>5</v>
      </c>
      <c r="D98" s="88" t="s">
        <v>19</v>
      </c>
      <c r="E98" s="2"/>
    </row>
    <row r="99" spans="1:5" s="3" customFormat="1" ht="33.75" customHeight="1" x14ac:dyDescent="0.25">
      <c r="A99" s="107" t="s">
        <v>10</v>
      </c>
      <c r="B99" s="105" t="s">
        <v>150</v>
      </c>
      <c r="C99" s="28"/>
      <c r="D99" s="42"/>
      <c r="E99" s="2"/>
    </row>
    <row r="100" spans="1:5" s="3" customFormat="1" ht="33.75" customHeight="1" x14ac:dyDescent="0.25">
      <c r="A100" s="107" t="s">
        <v>39</v>
      </c>
      <c r="B100" s="102" t="s">
        <v>151</v>
      </c>
      <c r="C100" s="36"/>
      <c r="D100" s="42"/>
      <c r="E100" s="2"/>
    </row>
    <row r="101" spans="1:5" s="3" customFormat="1" ht="33.75" customHeight="1" x14ac:dyDescent="0.25">
      <c r="A101" s="108" t="s">
        <v>40</v>
      </c>
      <c r="B101" s="142" t="s">
        <v>152</v>
      </c>
      <c r="C101" s="36"/>
      <c r="D101" s="42"/>
      <c r="E101" s="2"/>
    </row>
    <row r="102" spans="1:5" s="3" customFormat="1" ht="71.25" customHeight="1" x14ac:dyDescent="0.25">
      <c r="A102" s="95" t="s">
        <v>78</v>
      </c>
      <c r="B102" s="103" t="s">
        <v>79</v>
      </c>
      <c r="C102" s="36"/>
      <c r="D102" s="42"/>
      <c r="E102" s="2"/>
    </row>
    <row r="103" spans="1:5" s="3" customFormat="1" ht="45.75" customHeight="1" x14ac:dyDescent="0.25">
      <c r="A103" s="109" t="s">
        <v>80</v>
      </c>
      <c r="B103" s="104" t="s">
        <v>81</v>
      </c>
      <c r="C103" s="36"/>
      <c r="D103" s="42"/>
      <c r="E103" s="2"/>
    </row>
    <row r="104" spans="1:5" s="3" customFormat="1" ht="143.25" customHeight="1" x14ac:dyDescent="0.25">
      <c r="A104" s="106" t="s">
        <v>82</v>
      </c>
      <c r="B104" s="113" t="s">
        <v>83</v>
      </c>
      <c r="C104" s="36"/>
      <c r="D104" s="42"/>
      <c r="E104" s="2"/>
    </row>
    <row r="105" spans="1:5" s="3" customFormat="1" ht="118.5" customHeight="1" x14ac:dyDescent="0.25">
      <c r="A105" s="52" t="s">
        <v>84</v>
      </c>
      <c r="B105" s="112" t="s">
        <v>85</v>
      </c>
      <c r="C105" s="36"/>
      <c r="D105" s="42"/>
      <c r="E105" s="2"/>
    </row>
    <row r="106" spans="1:5" s="3" customFormat="1" ht="140.25" customHeight="1" thickBot="1" x14ac:dyDescent="0.3">
      <c r="A106" s="110" t="s">
        <v>86</v>
      </c>
      <c r="B106" s="111" t="s">
        <v>87</v>
      </c>
      <c r="C106" s="60"/>
      <c r="D106" s="61"/>
      <c r="E106" s="2"/>
    </row>
    <row r="107" spans="1:5" s="2" customFormat="1" ht="8.25" customHeight="1" x14ac:dyDescent="0.25">
      <c r="A107" s="7"/>
      <c r="B107" s="5"/>
      <c r="C107" s="7"/>
      <c r="D107" s="7"/>
    </row>
    <row r="108" spans="1:5" s="2" customFormat="1" ht="20.100000000000001" customHeight="1" x14ac:dyDescent="0.25">
      <c r="A108" s="160" t="s">
        <v>38</v>
      </c>
      <c r="B108" s="160"/>
      <c r="C108" s="160"/>
      <c r="D108" s="160"/>
      <c r="E108" s="160"/>
    </row>
    <row r="109" spans="1:5" s="2" customFormat="1" ht="8.25" customHeight="1" thickBot="1" x14ac:dyDescent="0.3">
      <c r="A109" s="94"/>
    </row>
    <row r="110" spans="1:5" s="2" customFormat="1" ht="87" customHeight="1" x14ac:dyDescent="0.25">
      <c r="A110" s="154" t="s">
        <v>89</v>
      </c>
      <c r="B110" s="155"/>
      <c r="C110" s="158" t="s">
        <v>90</v>
      </c>
      <c r="D110" s="159"/>
    </row>
    <row r="111" spans="1:5" s="3" customFormat="1" ht="29.25" customHeight="1" x14ac:dyDescent="0.25">
      <c r="A111" s="156"/>
      <c r="B111" s="157"/>
      <c r="C111" s="77" t="s">
        <v>5</v>
      </c>
      <c r="D111" s="88" t="s">
        <v>19</v>
      </c>
      <c r="E111" s="2"/>
    </row>
    <row r="112" spans="1:5" s="3" customFormat="1" ht="92.25" customHeight="1" x14ac:dyDescent="0.25">
      <c r="A112" s="150" t="s">
        <v>10</v>
      </c>
      <c r="B112" s="151" t="s">
        <v>91</v>
      </c>
      <c r="C112" s="152"/>
      <c r="D112" s="153"/>
      <c r="E112" s="2"/>
    </row>
    <row r="113" spans="1:5" s="3" customFormat="1" ht="45" customHeight="1" thickBot="1" x14ac:dyDescent="0.3">
      <c r="A113" s="114" t="s">
        <v>153</v>
      </c>
      <c r="B113" s="115" t="s">
        <v>156</v>
      </c>
      <c r="C113" s="148"/>
      <c r="D113" s="149"/>
      <c r="E113" s="2"/>
    </row>
    <row r="114" spans="1:5" s="2" customFormat="1" ht="8.25" customHeight="1" x14ac:dyDescent="0.25">
      <c r="A114" s="7"/>
      <c r="B114" s="5"/>
      <c r="C114" s="7"/>
      <c r="D114" s="7"/>
    </row>
    <row r="115" spans="1:5" s="2" customFormat="1" ht="20.100000000000001" customHeight="1" x14ac:dyDescent="0.25">
      <c r="A115" s="160" t="s">
        <v>9</v>
      </c>
      <c r="B115" s="160"/>
      <c r="C115" s="160"/>
      <c r="D115" s="160"/>
      <c r="E115" s="160"/>
    </row>
    <row r="116" spans="1:5" s="3" customFormat="1" ht="24.75" customHeight="1" x14ac:dyDescent="0.25">
      <c r="A116" s="91" t="s">
        <v>11</v>
      </c>
      <c r="B116" s="162" t="s">
        <v>42</v>
      </c>
      <c r="C116" s="162"/>
      <c r="D116" s="162"/>
      <c r="E116" s="2"/>
    </row>
    <row r="117" spans="1:5" s="19" customFormat="1" ht="24.75" customHeight="1" x14ac:dyDescent="0.25">
      <c r="A117" s="91" t="s">
        <v>20</v>
      </c>
      <c r="B117" s="163" t="s">
        <v>92</v>
      </c>
      <c r="C117" s="163"/>
      <c r="D117" s="163"/>
      <c r="E117" s="2"/>
    </row>
    <row r="118" spans="1:5" s="19" customFormat="1" ht="30" customHeight="1" x14ac:dyDescent="0.25">
      <c r="A118" s="164" t="s">
        <v>21</v>
      </c>
      <c r="B118" s="164"/>
      <c r="C118" s="164"/>
      <c r="D118" s="164"/>
      <c r="E118" s="2"/>
    </row>
    <row r="119" spans="1:5" s="2" customFormat="1" ht="24.95" customHeight="1" x14ac:dyDescent="0.25">
      <c r="A119" s="92" t="s">
        <v>22</v>
      </c>
      <c r="B119" s="166"/>
      <c r="C119" s="166"/>
    </row>
    <row r="120" spans="1:5" s="2" customFormat="1" ht="24.95" customHeight="1" x14ac:dyDescent="0.25">
      <c r="A120" s="92" t="s">
        <v>23</v>
      </c>
      <c r="B120" s="166"/>
      <c r="C120" s="166"/>
    </row>
    <row r="121" spans="1:5" s="2" customFormat="1" ht="24.95" customHeight="1" x14ac:dyDescent="0.25">
      <c r="A121" s="92" t="s">
        <v>24</v>
      </c>
      <c r="B121" s="166"/>
      <c r="C121" s="166"/>
    </row>
    <row r="122" spans="1:5" s="3" customFormat="1" ht="24.95" customHeight="1" x14ac:dyDescent="0.25">
      <c r="A122" s="92" t="s">
        <v>25</v>
      </c>
      <c r="B122" s="166"/>
      <c r="C122" s="166"/>
      <c r="D122" s="2"/>
      <c r="E122" s="2"/>
    </row>
    <row r="123" spans="1:5" s="2" customFormat="1" ht="14.25" customHeight="1" x14ac:dyDescent="0.2">
      <c r="A123" s="85"/>
      <c r="B123" s="10"/>
      <c r="C123" s="10"/>
    </row>
    <row r="124" spans="1:5" s="3" customFormat="1" ht="15" customHeight="1" x14ac:dyDescent="0.25">
      <c r="A124" s="165" t="s">
        <v>26</v>
      </c>
      <c r="B124" s="165"/>
      <c r="C124" s="165"/>
      <c r="D124" s="165"/>
    </row>
    <row r="125" spans="1:5" s="2" customFormat="1" ht="36.75" customHeight="1" x14ac:dyDescent="0.25">
      <c r="A125" s="161" t="s">
        <v>157</v>
      </c>
      <c r="B125" s="161"/>
      <c r="C125" s="161"/>
      <c r="D125" s="161"/>
    </row>
    <row r="126" spans="1:5" s="2" customFormat="1" ht="20.100000000000001" customHeight="1" x14ac:dyDescent="0.2">
      <c r="A126" s="8"/>
      <c r="B126" s="1"/>
      <c r="C126" s="8"/>
      <c r="D126" s="8"/>
    </row>
    <row r="127" spans="1:5" s="3" customFormat="1" ht="4.5" customHeight="1" x14ac:dyDescent="0.2">
      <c r="A127" s="8"/>
      <c r="B127" s="1"/>
      <c r="C127" s="8"/>
      <c r="D127" s="8"/>
    </row>
    <row r="128" spans="1:5" s="3" customFormat="1" ht="20.100000000000001" customHeight="1" x14ac:dyDescent="0.25">
      <c r="A128" s="86" t="s">
        <v>27</v>
      </c>
      <c r="B128" s="20"/>
      <c r="C128" s="21" t="s">
        <v>28</v>
      </c>
      <c r="D128" s="38"/>
    </row>
    <row r="129" spans="1:4" s="3" customFormat="1" ht="20.100000000000001" customHeight="1" x14ac:dyDescent="0.25">
      <c r="A129" s="86"/>
      <c r="B129" s="22"/>
      <c r="C129" s="22"/>
      <c r="D129" s="23"/>
    </row>
    <row r="130" spans="1:4" ht="20.100000000000001" customHeight="1" x14ac:dyDescent="0.2">
      <c r="A130" s="86" t="s">
        <v>29</v>
      </c>
      <c r="B130" s="20"/>
      <c r="C130" s="24" t="s">
        <v>30</v>
      </c>
      <c r="D130" s="39"/>
    </row>
    <row r="131" spans="1:4" s="2" customFormat="1" ht="20.100000000000001" customHeight="1" x14ac:dyDescent="0.2">
      <c r="A131" s="8"/>
      <c r="B131" s="1"/>
      <c r="C131" s="24" t="s">
        <v>31</v>
      </c>
      <c r="D131" s="40"/>
    </row>
    <row r="132" spans="1:4" s="2" customFormat="1" ht="20.100000000000001" customHeight="1" x14ac:dyDescent="0.2">
      <c r="A132" s="8"/>
      <c r="B132" s="1"/>
      <c r="C132" s="25" t="s">
        <v>32</v>
      </c>
      <c r="D132" s="1"/>
    </row>
    <row r="133" spans="1:4" s="2" customFormat="1" ht="37.5" customHeight="1" x14ac:dyDescent="0.25">
      <c r="A133" s="76"/>
    </row>
    <row r="134" spans="1:4" s="2" customFormat="1" ht="24" customHeight="1" x14ac:dyDescent="0.25">
      <c r="A134" s="76"/>
    </row>
    <row r="135" spans="1:4" s="2" customFormat="1" ht="24" customHeight="1" x14ac:dyDescent="0.25">
      <c r="A135" s="76"/>
    </row>
    <row r="136" spans="1:4" s="2" customFormat="1" ht="24" customHeight="1" x14ac:dyDescent="0.25">
      <c r="A136" s="76"/>
    </row>
    <row r="137" spans="1:4" s="2" customFormat="1" ht="20.100000000000001" customHeight="1" x14ac:dyDescent="0.25">
      <c r="A137" s="76"/>
    </row>
    <row r="138" spans="1:4" s="2" customFormat="1" ht="20.100000000000001" customHeight="1" x14ac:dyDescent="0.25">
      <c r="A138" s="76"/>
    </row>
    <row r="139" spans="1:4" s="2" customFormat="1" ht="50.1" customHeight="1" x14ac:dyDescent="0.25">
      <c r="A139" s="76"/>
    </row>
    <row r="140" spans="1:4" s="2" customFormat="1" ht="43.5" customHeight="1" x14ac:dyDescent="0.25">
      <c r="A140" s="76"/>
    </row>
    <row r="141" spans="1:4" ht="24.75" customHeight="1" x14ac:dyDescent="0.2">
      <c r="A141" s="76"/>
      <c r="B141" s="2"/>
      <c r="C141" s="2"/>
      <c r="D141" s="2"/>
    </row>
    <row r="142" spans="1:4" x14ac:dyDescent="0.2">
      <c r="A142" s="76"/>
      <c r="B142" s="2"/>
      <c r="C142" s="2"/>
      <c r="D142" s="2"/>
    </row>
    <row r="143" spans="1:4" ht="20.100000000000001" customHeight="1" x14ac:dyDescent="0.2"/>
    <row r="144" spans="1:4" ht="4.5" customHeight="1" x14ac:dyDescent="0.2"/>
    <row r="145" ht="20.100000000000001" customHeight="1" x14ac:dyDescent="0.2"/>
    <row r="146" ht="20.100000000000001" customHeight="1" x14ac:dyDescent="0.2"/>
    <row r="147" ht="20.100000000000001" customHeight="1" x14ac:dyDescent="0.2"/>
  </sheetData>
  <mergeCells count="46">
    <mergeCell ref="A64:E64"/>
    <mergeCell ref="A108:E108"/>
    <mergeCell ref="A115:E115"/>
    <mergeCell ref="A17:E17"/>
    <mergeCell ref="A15:C15"/>
    <mergeCell ref="A36:E36"/>
    <mergeCell ref="A40:D40"/>
    <mergeCell ref="A32:B32"/>
    <mergeCell ref="C38:D38"/>
    <mergeCell ref="A18:E18"/>
    <mergeCell ref="A21:D21"/>
    <mergeCell ref="A19:C19"/>
    <mergeCell ref="A20:E20"/>
    <mergeCell ref="B28:C28"/>
    <mergeCell ref="A26:E26"/>
    <mergeCell ref="A16:C16"/>
    <mergeCell ref="A22:B22"/>
    <mergeCell ref="A66:B67"/>
    <mergeCell ref="A7:E7"/>
    <mergeCell ref="A1:E1"/>
    <mergeCell ref="A2:E2"/>
    <mergeCell ref="A3:E3"/>
    <mergeCell ref="A8:D8"/>
    <mergeCell ref="A9:D9"/>
    <mergeCell ref="A11:D11"/>
    <mergeCell ref="A12:C12"/>
    <mergeCell ref="B29:C29"/>
    <mergeCell ref="C66:D66"/>
    <mergeCell ref="A38:B39"/>
    <mergeCell ref="A51:D51"/>
    <mergeCell ref="A25:B25"/>
    <mergeCell ref="A62:D62"/>
    <mergeCell ref="A125:D125"/>
    <mergeCell ref="B116:D116"/>
    <mergeCell ref="B117:D117"/>
    <mergeCell ref="A118:D118"/>
    <mergeCell ref="A124:D124"/>
    <mergeCell ref="B119:C119"/>
    <mergeCell ref="B120:C120"/>
    <mergeCell ref="B121:C121"/>
    <mergeCell ref="B122:C122"/>
    <mergeCell ref="A110:B111"/>
    <mergeCell ref="C110:D110"/>
    <mergeCell ref="C97:D97"/>
    <mergeCell ref="A97:B98"/>
    <mergeCell ref="A95:E95"/>
  </mergeCells>
  <conditionalFormatting sqref="C85:C93 C52:C61">
    <cfRule type="containsBlanks" dxfId="16" priority="81">
      <formula>LEN(TRIM(C52))=0</formula>
    </cfRule>
  </conditionalFormatting>
  <conditionalFormatting sqref="D130">
    <cfRule type="containsBlanks" dxfId="15" priority="80">
      <formula>LEN(TRIM(D130))=0</formula>
    </cfRule>
  </conditionalFormatting>
  <conditionalFormatting sqref="B128">
    <cfRule type="containsBlanks" dxfId="14" priority="78">
      <formula>LEN(TRIM(B128))=0</formula>
    </cfRule>
  </conditionalFormatting>
  <conditionalFormatting sqref="D131">
    <cfRule type="containsBlanks" dxfId="13" priority="79">
      <formula>LEN(TRIM(D131))=0</formula>
    </cfRule>
  </conditionalFormatting>
  <conditionalFormatting sqref="B130">
    <cfRule type="containsBlanks" dxfId="12" priority="77">
      <formula>LEN(TRIM(B130))=0</formula>
    </cfRule>
  </conditionalFormatting>
  <conditionalFormatting sqref="B4:B5">
    <cfRule type="containsBlanks" dxfId="11" priority="76">
      <formula>LEN(TRIM(B4))=0</formula>
    </cfRule>
  </conditionalFormatting>
  <conditionalFormatting sqref="C99:C106">
    <cfRule type="containsBlanks" dxfId="10" priority="70">
      <formula>LEN(TRIM(C99))=0</formula>
    </cfRule>
  </conditionalFormatting>
  <conditionalFormatting sqref="B121:C121">
    <cfRule type="containsBlanks" dxfId="9" priority="66">
      <formula>LEN(TRIM(B121))=0</formula>
    </cfRule>
  </conditionalFormatting>
  <conditionalFormatting sqref="C68:C76">
    <cfRule type="containsBlanks" dxfId="8" priority="34">
      <formula>LEN(TRIM(C68))=0</formula>
    </cfRule>
  </conditionalFormatting>
  <conditionalFormatting sqref="C77:C80">
    <cfRule type="containsBlanks" dxfId="7" priority="33">
      <formula>LEN(TRIM(C77))=0</formula>
    </cfRule>
  </conditionalFormatting>
  <conditionalFormatting sqref="C81:C84">
    <cfRule type="containsBlanks" dxfId="6" priority="32">
      <formula>LEN(TRIM(C81))=0</formula>
    </cfRule>
  </conditionalFormatting>
  <conditionalFormatting sqref="B54:B58">
    <cfRule type="containsBlanks" dxfId="5" priority="18">
      <formula>LEN(TRIM(B54))=0</formula>
    </cfRule>
  </conditionalFormatting>
  <conditionalFormatting sqref="B43:B50 C41:C50">
    <cfRule type="containsBlanks" dxfId="4" priority="9">
      <formula>LEN(TRIM(B41))=0</formula>
    </cfRule>
  </conditionalFormatting>
  <conditionalFormatting sqref="B119:C119">
    <cfRule type="containsBlanks" dxfId="3" priority="5">
      <formula>LEN(TRIM(B119))=0</formula>
    </cfRule>
  </conditionalFormatting>
  <conditionalFormatting sqref="B120:C120">
    <cfRule type="containsBlanks" dxfId="2" priority="4">
      <formula>LEN(TRIM(B120))=0</formula>
    </cfRule>
  </conditionalFormatting>
  <conditionalFormatting sqref="B122:C122">
    <cfRule type="containsBlanks" dxfId="1" priority="3">
      <formula>LEN(TRIM(B122))=0</formula>
    </cfRule>
  </conditionalFormatting>
  <conditionalFormatting sqref="C112:C113">
    <cfRule type="containsBlanks" dxfId="0" priority="2">
      <formula>LEN(TRIM(C112))=0</formula>
    </cfRule>
  </conditionalFormatting>
  <printOptions horizontalCentered="1"/>
  <pageMargins left="0.70866141732283472" right="0.70866141732283472" top="0.90625" bottom="0.74803149606299213" header="0.31496062992125984" footer="0.31496062992125984"/>
  <pageSetup paperSize="9" scale="5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94"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2</xdr:row>
                    <xdr:rowOff>0</xdr:rowOff>
                  </from>
                  <to>
                    <xdr:col>0</xdr:col>
                    <xdr:colOff>885825</xdr:colOff>
                    <xdr:row>22</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3</xdr:row>
                    <xdr:rowOff>9525</xdr:rowOff>
                  </from>
                  <to>
                    <xdr:col>0</xdr:col>
                    <xdr:colOff>885825</xdr:colOff>
                    <xdr:row>23</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0</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0</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4-08T10:57:08Z</cp:lastPrinted>
  <dcterms:created xsi:type="dcterms:W3CDTF">2017-04-21T05:51:15Z</dcterms:created>
  <dcterms:modified xsi:type="dcterms:W3CDTF">2025-04-08T11:36:38Z</dcterms:modified>
</cp:coreProperties>
</file>